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2章 人口\01公表用\"/>
    </mc:Choice>
  </mc:AlternateContent>
  <xr:revisionPtr revIDLastSave="0" documentId="13_ncr:1_{E7B4EA50-9006-465F-929D-35609567A01C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5．平均年齢・年齢中位数" sheetId="1" r:id="rId1"/>
  </sheets>
  <definedNames>
    <definedName name="_xlnm._FilterDatabase" localSheetId="0" hidden="1">'15．平均年齢・年齢中位数'!$A$2:$AB$2</definedName>
    <definedName name="_xlnm.Print_Area" localSheetId="0">'15．平均年齢・年齢中位数'!$A$1:$AA$40</definedName>
    <definedName name="_xlnm.Print_Titles" localSheetId="0">'15．平均年齢・年齢中位数'!$A:$C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3" uniqueCount="36">
  <si>
    <t>西暦</t>
    <rPh sb="0" eb="2">
      <t>セイレキ</t>
    </rPh>
    <phoneticPr fontId="2"/>
  </si>
  <si>
    <t>和歴</t>
    <rPh sb="0" eb="1">
      <t>ワ</t>
    </rPh>
    <rPh sb="1" eb="2">
      <t>レキ</t>
    </rPh>
    <phoneticPr fontId="2"/>
  </si>
  <si>
    <t>大正9年</t>
    <rPh sb="0" eb="2">
      <t>タイショウ</t>
    </rPh>
    <rPh sb="3" eb="4">
      <t>ネン</t>
    </rPh>
    <phoneticPr fontId="2"/>
  </si>
  <si>
    <t>大正14年</t>
    <rPh sb="0" eb="2">
      <t>タイショウ</t>
    </rPh>
    <rPh sb="4" eb="5">
      <t>ネン</t>
    </rPh>
    <phoneticPr fontId="2"/>
  </si>
  <si>
    <t>昭和5年</t>
    <rPh sb="0" eb="2">
      <t>ショウワ</t>
    </rPh>
    <rPh sb="3" eb="4">
      <t>ネン</t>
    </rPh>
    <phoneticPr fontId="2"/>
  </si>
  <si>
    <t>昭和10年</t>
    <rPh sb="0" eb="2">
      <t>ショウワ</t>
    </rPh>
    <rPh sb="4" eb="5">
      <t>ネン</t>
    </rPh>
    <phoneticPr fontId="2"/>
  </si>
  <si>
    <t>昭和15年</t>
    <rPh sb="0" eb="2">
      <t>ショウワ</t>
    </rPh>
    <rPh sb="4" eb="5">
      <t>ネン</t>
    </rPh>
    <phoneticPr fontId="2"/>
  </si>
  <si>
    <t>昭和20年</t>
    <rPh sb="0" eb="2">
      <t>ショウワ</t>
    </rPh>
    <rPh sb="4" eb="5">
      <t>ネン</t>
    </rPh>
    <phoneticPr fontId="2"/>
  </si>
  <si>
    <t>昭和25年</t>
    <rPh sb="0" eb="2">
      <t>ショウワ</t>
    </rPh>
    <rPh sb="4" eb="5">
      <t>ネン</t>
    </rPh>
    <phoneticPr fontId="2"/>
  </si>
  <si>
    <t>昭和30年</t>
    <rPh sb="0" eb="2">
      <t>ショウワ</t>
    </rPh>
    <rPh sb="4" eb="5">
      <t>ネン</t>
    </rPh>
    <phoneticPr fontId="2"/>
  </si>
  <si>
    <t>昭和35年</t>
    <rPh sb="0" eb="2">
      <t>ショウワ</t>
    </rPh>
    <rPh sb="4" eb="5">
      <t>ネン</t>
    </rPh>
    <phoneticPr fontId="2"/>
  </si>
  <si>
    <t>昭和40年</t>
    <rPh sb="0" eb="2">
      <t>ショウワ</t>
    </rPh>
    <rPh sb="4" eb="5">
      <t>ネン</t>
    </rPh>
    <phoneticPr fontId="2"/>
  </si>
  <si>
    <t>昭和45年</t>
    <rPh sb="0" eb="2">
      <t>ショウワ</t>
    </rPh>
    <rPh sb="4" eb="5">
      <t>ネン</t>
    </rPh>
    <phoneticPr fontId="2"/>
  </si>
  <si>
    <t>昭和50年</t>
    <rPh sb="0" eb="2">
      <t>ショウワ</t>
    </rPh>
    <rPh sb="4" eb="5">
      <t>ネン</t>
    </rPh>
    <phoneticPr fontId="2"/>
  </si>
  <si>
    <t>昭和55年</t>
    <rPh sb="0" eb="2">
      <t>ショウワ</t>
    </rPh>
    <rPh sb="4" eb="5">
      <t>ネン</t>
    </rPh>
    <phoneticPr fontId="2"/>
  </si>
  <si>
    <t>昭和60年</t>
    <rPh sb="0" eb="2">
      <t>ｓ</t>
    </rPh>
    <rPh sb="4" eb="5">
      <t>ネン</t>
    </rPh>
    <phoneticPr fontId="2"/>
  </si>
  <si>
    <t>平成2年</t>
    <rPh sb="0" eb="2">
      <t>ヘイセイ</t>
    </rPh>
    <rPh sb="3" eb="4">
      <t>ネン</t>
    </rPh>
    <phoneticPr fontId="2"/>
  </si>
  <si>
    <t>平成7年</t>
    <rPh sb="0" eb="2">
      <t>ｈ</t>
    </rPh>
    <rPh sb="3" eb="4">
      <t>ネン</t>
    </rPh>
    <phoneticPr fontId="2"/>
  </si>
  <si>
    <t>平成12年</t>
    <rPh sb="0" eb="2">
      <t>ｈ</t>
    </rPh>
    <rPh sb="4" eb="5">
      <t>ネン</t>
    </rPh>
    <phoneticPr fontId="2"/>
  </si>
  <si>
    <t>平成17年</t>
    <rPh sb="0" eb="2">
      <t>ｈ</t>
    </rPh>
    <rPh sb="4" eb="5">
      <t>ネン</t>
    </rPh>
    <phoneticPr fontId="2"/>
  </si>
  <si>
    <t>平成22年</t>
    <rPh sb="0" eb="2">
      <t>ｈ</t>
    </rPh>
    <rPh sb="4" eb="5">
      <t>ネン</t>
    </rPh>
    <phoneticPr fontId="2"/>
  </si>
  <si>
    <t>平成27年</t>
    <rPh sb="0" eb="2">
      <t>ｈ</t>
    </rPh>
    <rPh sb="4" eb="5">
      <t>ネン</t>
    </rPh>
    <phoneticPr fontId="2"/>
  </si>
  <si>
    <t>平均年齢</t>
    <rPh sb="0" eb="2">
      <t>ヘイキン</t>
    </rPh>
    <rPh sb="2" eb="4">
      <t>ネンレイ</t>
    </rPh>
    <phoneticPr fontId="1"/>
  </si>
  <si>
    <t>全国</t>
    <rPh sb="0" eb="2">
      <t>ゼンコク</t>
    </rPh>
    <phoneticPr fontId="1"/>
  </si>
  <si>
    <t>総合</t>
    <rPh sb="0" eb="2">
      <t>ソウゴウ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北海道</t>
    <rPh sb="0" eb="3">
      <t>ホッカイドウ</t>
    </rPh>
    <phoneticPr fontId="1"/>
  </si>
  <si>
    <t>石狩市</t>
    <rPh sb="0" eb="2">
      <t>イシカリ</t>
    </rPh>
    <rPh sb="2" eb="3">
      <t>シ</t>
    </rPh>
    <phoneticPr fontId="1"/>
  </si>
  <si>
    <t>厚田区</t>
    <rPh sb="0" eb="2">
      <t>ア</t>
    </rPh>
    <rPh sb="2" eb="3">
      <t>ク</t>
    </rPh>
    <phoneticPr fontId="1"/>
  </si>
  <si>
    <t>浜益区</t>
    <rPh sb="0" eb="2">
      <t>ｈ</t>
    </rPh>
    <rPh sb="2" eb="3">
      <t>ク</t>
    </rPh>
    <phoneticPr fontId="1"/>
  </si>
  <si>
    <t>年齢中位数</t>
    <phoneticPr fontId="1"/>
  </si>
  <si>
    <t>※）</t>
    <phoneticPr fontId="1"/>
  </si>
  <si>
    <t xml:space="preserve"> 平均年齢に0.5を加えるのは、国勢調査では、9月30日現在の満年齢（誕生日を迎えるごとに1歳を加える年齢の数え方）を用いて集計するためである。つまり、9月30日現在でX歳と0歳の人もX歳と364日の人も同じX歳として集計している。そこで、平均年齢を算出する際、X歳と0日から364日までの人がいることを考慮し、平均である半年分（0.5歳）を加えている。</t>
    <rPh sb="1" eb="3">
      <t>ヘイキン</t>
    </rPh>
    <rPh sb="3" eb="5">
      <t>ネンレイ</t>
    </rPh>
    <rPh sb="10" eb="11">
      <t>クワ</t>
    </rPh>
    <rPh sb="16" eb="18">
      <t>コクセイ</t>
    </rPh>
    <rPh sb="18" eb="20">
      <t>チョウサ</t>
    </rPh>
    <rPh sb="24" eb="25">
      <t>ガツ</t>
    </rPh>
    <rPh sb="27" eb="28">
      <t>ニチ</t>
    </rPh>
    <rPh sb="28" eb="30">
      <t>ゲンザイ</t>
    </rPh>
    <rPh sb="31" eb="34">
      <t>マンネンレイ</t>
    </rPh>
    <rPh sb="35" eb="38">
      <t>タンジョウビ</t>
    </rPh>
    <rPh sb="39" eb="40">
      <t>ムカ</t>
    </rPh>
    <phoneticPr fontId="1"/>
  </si>
  <si>
    <t>年齢中位数：人口を年齢順に並べたとき、その中央で人口を2等分する境界点にある年齢</t>
    <rPh sb="0" eb="2">
      <t>ネンレイ</t>
    </rPh>
    <rPh sb="2" eb="4">
      <t>チュウイ</t>
    </rPh>
    <rPh sb="4" eb="5">
      <t>スウ</t>
    </rPh>
    <phoneticPr fontId="1"/>
  </si>
  <si>
    <t>令和2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000&quot;年&quot;"/>
    <numFmt numFmtId="177" formatCode="#,##0.0_);[Red]\(#,##0.0\)"/>
    <numFmt numFmtId="178" formatCode="0.0_);[Red]\(0.0\)"/>
  </numFmts>
  <fonts count="5" x14ac:knownFonts="1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1"/>
      <name val="ＭＳ ゴシック"/>
      <family val="3"/>
      <charset val="128"/>
    </font>
    <font>
      <sz val="9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/>
  </cellStyleXfs>
  <cellXfs count="130">
    <xf numFmtId="0" fontId="0" fillId="0" borderId="0" xfId="0"/>
    <xf numFmtId="176" fontId="0" fillId="0" borderId="4" xfId="0" applyNumberFormat="1" applyFont="1" applyBorder="1" applyAlignment="1">
      <alignment horizontal="center" vertical="center" shrinkToFit="1"/>
    </xf>
    <xf numFmtId="176" fontId="0" fillId="0" borderId="5" xfId="0" applyNumberFormat="1" applyFont="1" applyBorder="1" applyAlignment="1">
      <alignment horizontal="center" vertical="center" shrinkToFit="1"/>
    </xf>
    <xf numFmtId="176" fontId="0" fillId="0" borderId="5" xfId="0" applyNumberFormat="1" applyFont="1" applyFill="1" applyBorder="1" applyAlignment="1">
      <alignment horizontal="center" vertical="center" shrinkToFit="1"/>
    </xf>
    <xf numFmtId="0" fontId="0" fillId="0" borderId="10" xfId="0" applyFont="1" applyBorder="1" applyAlignment="1">
      <alignment horizontal="right" vertical="center" shrinkToFit="1"/>
    </xf>
    <xf numFmtId="0" fontId="0" fillId="0" borderId="11" xfId="0" applyFont="1" applyBorder="1" applyAlignment="1">
      <alignment horizontal="right" vertical="center" shrinkToFit="1"/>
    </xf>
    <xf numFmtId="0" fontId="0" fillId="0" borderId="11" xfId="0" applyFont="1" applyFill="1" applyBorder="1" applyAlignment="1">
      <alignment horizontal="right" vertical="center" shrinkToFit="1"/>
    </xf>
    <xf numFmtId="0" fontId="0" fillId="0" borderId="12" xfId="0" applyFont="1" applyFill="1" applyBorder="1" applyAlignment="1">
      <alignment horizontal="right" vertical="center" shrinkToFit="1"/>
    </xf>
    <xf numFmtId="0" fontId="0" fillId="0" borderId="15" xfId="0" applyFont="1" applyFill="1" applyBorder="1" applyAlignment="1">
      <alignment horizontal="center" vertical="center"/>
    </xf>
    <xf numFmtId="177" fontId="0" fillId="0" borderId="16" xfId="0" applyNumberFormat="1" applyFont="1" applyFill="1" applyBorder="1" applyAlignment="1">
      <alignment horizontal="right" vertical="center"/>
    </xf>
    <xf numFmtId="177" fontId="0" fillId="0" borderId="14" xfId="0" applyNumberFormat="1" applyFont="1" applyFill="1" applyBorder="1" applyAlignment="1">
      <alignment horizontal="right" vertical="center"/>
    </xf>
    <xf numFmtId="177" fontId="0" fillId="0" borderId="17" xfId="0" applyNumberFormat="1" applyFont="1" applyFill="1" applyBorder="1" applyAlignment="1">
      <alignment horizontal="right" vertical="center"/>
    </xf>
    <xf numFmtId="177" fontId="0" fillId="0" borderId="17" xfId="0" applyNumberFormat="1" applyFont="1" applyFill="1" applyBorder="1" applyAlignment="1">
      <alignment horizontal="right"/>
    </xf>
    <xf numFmtId="178" fontId="0" fillId="0" borderId="17" xfId="0" applyNumberFormat="1" applyFont="1" applyFill="1" applyBorder="1" applyAlignment="1">
      <alignment horizontal="right"/>
    </xf>
    <xf numFmtId="0" fontId="0" fillId="2" borderId="20" xfId="0" applyFont="1" applyFill="1" applyBorder="1" applyAlignment="1">
      <alignment horizontal="center" vertical="center"/>
    </xf>
    <xf numFmtId="177" fontId="0" fillId="2" borderId="21" xfId="0" applyNumberFormat="1" applyFont="1" applyFill="1" applyBorder="1" applyAlignment="1">
      <alignment horizontal="right" vertical="center"/>
    </xf>
    <xf numFmtId="177" fontId="0" fillId="2" borderId="19" xfId="0" applyNumberFormat="1" applyFont="1" applyFill="1" applyBorder="1" applyAlignment="1">
      <alignment horizontal="right" vertical="center"/>
    </xf>
    <xf numFmtId="177" fontId="0" fillId="2" borderId="22" xfId="0" applyNumberFormat="1" applyFont="1" applyFill="1" applyBorder="1" applyAlignment="1">
      <alignment horizontal="right" vertical="center"/>
    </xf>
    <xf numFmtId="177" fontId="0" fillId="2" borderId="22" xfId="0" applyNumberFormat="1" applyFont="1" applyFill="1" applyBorder="1" applyAlignment="1">
      <alignment horizontal="right"/>
    </xf>
    <xf numFmtId="178" fontId="0" fillId="2" borderId="22" xfId="0" applyNumberFormat="1" applyFont="1" applyFill="1" applyBorder="1" applyAlignment="1">
      <alignment horizontal="right" vertical="center"/>
    </xf>
    <xf numFmtId="178" fontId="0" fillId="2" borderId="22" xfId="0" applyNumberFormat="1" applyFont="1" applyFill="1" applyBorder="1" applyAlignment="1">
      <alignment horizontal="right"/>
    </xf>
    <xf numFmtId="178" fontId="0" fillId="2" borderId="20" xfId="0" applyNumberFormat="1" applyFont="1" applyFill="1" applyBorder="1" applyAlignment="1">
      <alignment horizontal="right"/>
    </xf>
    <xf numFmtId="0" fontId="0" fillId="0" borderId="24" xfId="0" applyFont="1" applyFill="1" applyBorder="1" applyAlignment="1">
      <alignment horizontal="center" vertical="center"/>
    </xf>
    <xf numFmtId="177" fontId="0" fillId="0" borderId="25" xfId="0" applyNumberFormat="1" applyFont="1" applyFill="1" applyBorder="1" applyAlignment="1">
      <alignment horizontal="right" vertical="center"/>
    </xf>
    <xf numFmtId="177" fontId="0" fillId="0" borderId="23" xfId="0" applyNumberFormat="1" applyFont="1" applyFill="1" applyBorder="1" applyAlignment="1">
      <alignment horizontal="right" vertical="center"/>
    </xf>
    <xf numFmtId="177" fontId="0" fillId="0" borderId="26" xfId="0" applyNumberFormat="1" applyFont="1" applyFill="1" applyBorder="1" applyAlignment="1">
      <alignment horizontal="right" vertical="center"/>
    </xf>
    <xf numFmtId="178" fontId="0" fillId="0" borderId="26" xfId="0" applyNumberFormat="1" applyFont="1" applyFill="1" applyBorder="1" applyAlignment="1">
      <alignment horizontal="right" vertical="center"/>
    </xf>
    <xf numFmtId="178" fontId="0" fillId="0" borderId="26" xfId="0" applyNumberFormat="1" applyFont="1" applyFill="1" applyBorder="1" applyAlignment="1">
      <alignment horizontal="right"/>
    </xf>
    <xf numFmtId="0" fontId="0" fillId="0" borderId="6" xfId="0" applyFont="1" applyFill="1" applyBorder="1" applyAlignment="1">
      <alignment horizontal="center" vertical="center"/>
    </xf>
    <xf numFmtId="177" fontId="0" fillId="0" borderId="4" xfId="0" applyNumberFormat="1" applyFont="1" applyFill="1" applyBorder="1" applyAlignment="1">
      <alignment horizontal="right" vertical="center"/>
    </xf>
    <xf numFmtId="177" fontId="0" fillId="0" borderId="27" xfId="0" applyNumberFormat="1" applyFont="1" applyFill="1" applyBorder="1" applyAlignment="1">
      <alignment horizontal="right" vertical="center"/>
    </xf>
    <xf numFmtId="177" fontId="0" fillId="0" borderId="5" xfId="0" applyNumberFormat="1" applyFont="1" applyFill="1" applyBorder="1" applyAlignment="1">
      <alignment horizontal="right" vertical="center"/>
    </xf>
    <xf numFmtId="177" fontId="0" fillId="0" borderId="5" xfId="0" applyNumberFormat="1" applyFont="1" applyFill="1" applyBorder="1" applyAlignment="1">
      <alignment horizontal="right"/>
    </xf>
    <xf numFmtId="178" fontId="0" fillId="0" borderId="5" xfId="0" applyNumberFormat="1" applyFont="1" applyFill="1" applyBorder="1" applyAlignment="1">
      <alignment horizontal="right"/>
    </xf>
    <xf numFmtId="178" fontId="0" fillId="0" borderId="6" xfId="0" applyNumberFormat="1" applyFont="1" applyFill="1" applyBorder="1" applyAlignment="1">
      <alignment horizontal="right"/>
    </xf>
    <xf numFmtId="0" fontId="0" fillId="0" borderId="12" xfId="0" applyFont="1" applyFill="1" applyBorder="1" applyAlignment="1">
      <alignment horizontal="center" vertical="center"/>
    </xf>
    <xf numFmtId="177" fontId="0" fillId="0" borderId="10" xfId="0" applyNumberFormat="1" applyFont="1" applyFill="1" applyBorder="1" applyAlignment="1">
      <alignment horizontal="right" vertical="center"/>
    </xf>
    <xf numFmtId="177" fontId="0" fillId="0" borderId="28" xfId="0" applyNumberFormat="1" applyFont="1" applyFill="1" applyBorder="1" applyAlignment="1">
      <alignment horizontal="right" vertical="center"/>
    </xf>
    <xf numFmtId="177" fontId="0" fillId="0" borderId="11" xfId="0" applyNumberFormat="1" applyFont="1" applyFill="1" applyBorder="1" applyAlignment="1">
      <alignment horizontal="right" vertical="center"/>
    </xf>
    <xf numFmtId="178" fontId="0" fillId="0" borderId="11" xfId="0" applyNumberFormat="1" applyFont="1" applyFill="1" applyBorder="1" applyAlignment="1">
      <alignment horizontal="right" vertical="center"/>
    </xf>
    <xf numFmtId="178" fontId="0" fillId="0" borderId="11" xfId="0" applyNumberFormat="1" applyFont="1" applyFill="1" applyBorder="1" applyAlignment="1">
      <alignment horizontal="right"/>
    </xf>
    <xf numFmtId="178" fontId="0" fillId="0" borderId="12" xfId="0" applyNumberFormat="1" applyFont="1" applyFill="1" applyBorder="1" applyAlignment="1">
      <alignment horizontal="right"/>
    </xf>
    <xf numFmtId="0" fontId="3" fillId="0" borderId="6" xfId="0" applyFont="1" applyFill="1" applyBorder="1" applyAlignment="1">
      <alignment horizontal="center" vertical="center"/>
    </xf>
    <xf numFmtId="177" fontId="3" fillId="0" borderId="4" xfId="0" applyNumberFormat="1" applyFont="1" applyFill="1" applyBorder="1" applyAlignment="1">
      <alignment horizontal="right" vertical="center"/>
    </xf>
    <xf numFmtId="177" fontId="3" fillId="0" borderId="27" xfId="0" applyNumberFormat="1" applyFont="1" applyFill="1" applyBorder="1" applyAlignment="1">
      <alignment horizontal="right" vertical="center"/>
    </xf>
    <xf numFmtId="177" fontId="3" fillId="0" borderId="5" xfId="0" applyNumberFormat="1" applyFont="1" applyFill="1" applyBorder="1" applyAlignment="1">
      <alignment horizontal="right" vertical="center"/>
    </xf>
    <xf numFmtId="177" fontId="3" fillId="0" borderId="5" xfId="0" applyNumberFormat="1" applyFont="1" applyFill="1" applyBorder="1" applyAlignment="1">
      <alignment horizontal="right"/>
    </xf>
    <xf numFmtId="178" fontId="3" fillId="0" borderId="5" xfId="0" applyNumberFormat="1" applyFont="1" applyFill="1" applyBorder="1" applyAlignment="1">
      <alignment horizontal="right" vertical="center"/>
    </xf>
    <xf numFmtId="178" fontId="3" fillId="0" borderId="5" xfId="0" applyNumberFormat="1" applyFont="1" applyFill="1" applyBorder="1" applyAlignment="1">
      <alignment horizontal="right"/>
    </xf>
    <xf numFmtId="178" fontId="3" fillId="0" borderId="6" xfId="0" applyNumberFormat="1" applyFont="1" applyFill="1" applyBorder="1" applyAlignment="1">
      <alignment horizontal="right"/>
    </xf>
    <xf numFmtId="0" fontId="0" fillId="0" borderId="0" xfId="0" applyFill="1"/>
    <xf numFmtId="0" fontId="3" fillId="2" borderId="20" xfId="0" applyFont="1" applyFill="1" applyBorder="1" applyAlignment="1">
      <alignment horizontal="center" vertical="center"/>
    </xf>
    <xf numFmtId="177" fontId="3" fillId="2" borderId="21" xfId="0" applyNumberFormat="1" applyFont="1" applyFill="1" applyBorder="1" applyAlignment="1">
      <alignment horizontal="right" vertical="center"/>
    </xf>
    <xf numFmtId="177" fontId="3" fillId="2" borderId="19" xfId="0" applyNumberFormat="1" applyFont="1" applyFill="1" applyBorder="1" applyAlignment="1">
      <alignment horizontal="right" vertical="center"/>
    </xf>
    <xf numFmtId="177" fontId="3" fillId="2" borderId="22" xfId="0" applyNumberFormat="1" applyFont="1" applyFill="1" applyBorder="1" applyAlignment="1">
      <alignment horizontal="right" vertical="center"/>
    </xf>
    <xf numFmtId="177" fontId="3" fillId="2" borderId="22" xfId="0" applyNumberFormat="1" applyFont="1" applyFill="1" applyBorder="1" applyAlignment="1">
      <alignment horizontal="right"/>
    </xf>
    <xf numFmtId="178" fontId="3" fillId="2" borderId="22" xfId="0" applyNumberFormat="1" applyFont="1" applyFill="1" applyBorder="1" applyAlignment="1">
      <alignment horizontal="right" vertical="center"/>
    </xf>
    <xf numFmtId="178" fontId="3" fillId="2" borderId="22" xfId="0" applyNumberFormat="1" applyFont="1" applyFill="1" applyBorder="1" applyAlignment="1">
      <alignment horizontal="right"/>
    </xf>
    <xf numFmtId="178" fontId="3" fillId="2" borderId="20" xfId="0" applyNumberFormat="1" applyFont="1" applyFill="1" applyBorder="1" applyAlignment="1">
      <alignment horizontal="right"/>
    </xf>
    <xf numFmtId="0" fontId="3" fillId="0" borderId="24" xfId="0" applyFont="1" applyFill="1" applyBorder="1" applyAlignment="1">
      <alignment horizontal="center" vertical="center"/>
    </xf>
    <xf numFmtId="177" fontId="3" fillId="0" borderId="25" xfId="0" applyNumberFormat="1" applyFont="1" applyFill="1" applyBorder="1" applyAlignment="1">
      <alignment horizontal="right" vertical="center"/>
    </xf>
    <xf numFmtId="177" fontId="3" fillId="0" borderId="23" xfId="0" applyNumberFormat="1" applyFont="1" applyFill="1" applyBorder="1" applyAlignment="1">
      <alignment horizontal="right" vertical="center"/>
    </xf>
    <xf numFmtId="177" fontId="3" fillId="0" borderId="26" xfId="0" applyNumberFormat="1" applyFont="1" applyFill="1" applyBorder="1" applyAlignment="1">
      <alignment horizontal="right" vertical="center"/>
    </xf>
    <xf numFmtId="177" fontId="3" fillId="0" borderId="26" xfId="0" applyNumberFormat="1" applyFont="1" applyFill="1" applyBorder="1" applyAlignment="1">
      <alignment horizontal="right"/>
    </xf>
    <xf numFmtId="178" fontId="3" fillId="0" borderId="26" xfId="0" applyNumberFormat="1" applyFont="1" applyFill="1" applyBorder="1" applyAlignment="1">
      <alignment horizontal="right" vertical="center"/>
    </xf>
    <xf numFmtId="178" fontId="3" fillId="0" borderId="26" xfId="0" applyNumberFormat="1" applyFont="1" applyFill="1" applyBorder="1" applyAlignment="1">
      <alignment horizontal="right"/>
    </xf>
    <xf numFmtId="0" fontId="3" fillId="0" borderId="12" xfId="0" applyFont="1" applyFill="1" applyBorder="1" applyAlignment="1">
      <alignment horizontal="center" vertical="center"/>
    </xf>
    <xf numFmtId="177" fontId="3" fillId="0" borderId="10" xfId="0" applyNumberFormat="1" applyFont="1" applyFill="1" applyBorder="1" applyAlignment="1">
      <alignment horizontal="right" vertical="center"/>
    </xf>
    <xf numFmtId="177" fontId="3" fillId="0" borderId="28" xfId="0" applyNumberFormat="1" applyFont="1" applyFill="1" applyBorder="1" applyAlignment="1">
      <alignment horizontal="right" vertical="center"/>
    </xf>
    <xf numFmtId="177" fontId="3" fillId="0" borderId="11" xfId="0" applyNumberFormat="1" applyFont="1" applyFill="1" applyBorder="1" applyAlignment="1">
      <alignment horizontal="right" vertical="center"/>
    </xf>
    <xf numFmtId="177" fontId="3" fillId="0" borderId="11" xfId="0" applyNumberFormat="1" applyFont="1" applyFill="1" applyBorder="1" applyAlignment="1">
      <alignment horizontal="right"/>
    </xf>
    <xf numFmtId="178" fontId="3" fillId="0" borderId="11" xfId="0" applyNumberFormat="1" applyFont="1" applyFill="1" applyBorder="1" applyAlignment="1">
      <alignment horizontal="right" vertical="center"/>
    </xf>
    <xf numFmtId="178" fontId="3" fillId="0" borderId="11" xfId="0" applyNumberFormat="1" applyFont="1" applyFill="1" applyBorder="1" applyAlignment="1">
      <alignment horizontal="right"/>
    </xf>
    <xf numFmtId="178" fontId="3" fillId="0" borderId="12" xfId="0" applyNumberFormat="1" applyFont="1" applyFill="1" applyBorder="1" applyAlignment="1">
      <alignment horizontal="right"/>
    </xf>
    <xf numFmtId="0" fontId="3" fillId="0" borderId="15" xfId="0" applyFont="1" applyFill="1" applyBorder="1" applyAlignment="1">
      <alignment horizontal="center" vertical="center"/>
    </xf>
    <xf numFmtId="177" fontId="3" fillId="0" borderId="16" xfId="0" applyNumberFormat="1" applyFont="1" applyFill="1" applyBorder="1" applyAlignment="1">
      <alignment horizontal="right" vertical="center"/>
    </xf>
    <xf numFmtId="177" fontId="3" fillId="0" borderId="14" xfId="0" applyNumberFormat="1" applyFont="1" applyFill="1" applyBorder="1" applyAlignment="1">
      <alignment horizontal="right" vertical="center"/>
    </xf>
    <xf numFmtId="177" fontId="3" fillId="0" borderId="17" xfId="0" applyNumberFormat="1" applyFont="1" applyFill="1" applyBorder="1" applyAlignment="1">
      <alignment horizontal="right" vertical="center"/>
    </xf>
    <xf numFmtId="177" fontId="3" fillId="0" borderId="17" xfId="0" applyNumberFormat="1" applyFont="1" applyFill="1" applyBorder="1" applyAlignment="1">
      <alignment horizontal="right"/>
    </xf>
    <xf numFmtId="178" fontId="3" fillId="0" borderId="17" xfId="0" applyNumberFormat="1" applyFont="1" applyFill="1" applyBorder="1" applyAlignment="1">
      <alignment horizontal="right" vertical="center"/>
    </xf>
    <xf numFmtId="178" fontId="3" fillId="0" borderId="17" xfId="0" applyNumberFormat="1" applyFont="1" applyFill="1" applyBorder="1" applyAlignment="1">
      <alignment horizontal="right"/>
    </xf>
    <xf numFmtId="0" fontId="0" fillId="0" borderId="0" xfId="0" applyFont="1" applyFill="1"/>
    <xf numFmtId="0" fontId="0" fillId="0" borderId="0" xfId="0" applyFont="1" applyFill="1" applyAlignment="1">
      <alignment horizontal="right"/>
    </xf>
    <xf numFmtId="0" fontId="0" fillId="0" borderId="0" xfId="0" applyAlignment="1">
      <alignment horizontal="center"/>
    </xf>
    <xf numFmtId="0" fontId="0" fillId="0" borderId="0" xfId="0" applyFont="1"/>
    <xf numFmtId="0" fontId="0" fillId="0" borderId="0" xfId="0" applyFill="1" applyAlignment="1">
      <alignment horizontal="right"/>
    </xf>
    <xf numFmtId="0" fontId="0" fillId="0" borderId="0" xfId="0" applyFill="1" applyAlignment="1">
      <alignment vertical="top" wrapText="1"/>
    </xf>
    <xf numFmtId="0" fontId="0" fillId="0" borderId="32" xfId="0" applyFont="1" applyFill="1" applyBorder="1" applyAlignment="1">
      <alignment horizontal="right" vertical="center" shrinkToFit="1"/>
    </xf>
    <xf numFmtId="178" fontId="0" fillId="0" borderId="33" xfId="0" applyNumberFormat="1" applyFont="1" applyFill="1" applyBorder="1" applyAlignment="1">
      <alignment horizontal="right"/>
    </xf>
    <xf numFmtId="178" fontId="0" fillId="2" borderId="34" xfId="0" applyNumberFormat="1" applyFont="1" applyFill="1" applyBorder="1" applyAlignment="1">
      <alignment horizontal="right"/>
    </xf>
    <xf numFmtId="178" fontId="0" fillId="0" borderId="35" xfId="0" applyNumberFormat="1" applyFont="1" applyFill="1" applyBorder="1" applyAlignment="1">
      <alignment horizontal="right"/>
    </xf>
    <xf numFmtId="178" fontId="0" fillId="0" borderId="31" xfId="0" applyNumberFormat="1" applyFont="1" applyFill="1" applyBorder="1" applyAlignment="1">
      <alignment horizontal="right"/>
    </xf>
    <xf numFmtId="178" fontId="0" fillId="0" borderId="32" xfId="0" applyNumberFormat="1" applyFont="1" applyFill="1" applyBorder="1" applyAlignment="1">
      <alignment horizontal="right"/>
    </xf>
    <xf numFmtId="178" fontId="3" fillId="0" borderId="31" xfId="0" applyNumberFormat="1" applyFont="1" applyFill="1" applyBorder="1" applyAlignment="1">
      <alignment horizontal="right"/>
    </xf>
    <xf numFmtId="178" fontId="3" fillId="2" borderId="34" xfId="0" applyNumberFormat="1" applyFont="1" applyFill="1" applyBorder="1" applyAlignment="1">
      <alignment horizontal="right"/>
    </xf>
    <xf numFmtId="178" fontId="3" fillId="0" borderId="35" xfId="0" applyNumberFormat="1" applyFont="1" applyFill="1" applyBorder="1" applyAlignment="1">
      <alignment horizontal="right"/>
    </xf>
    <xf numFmtId="178" fontId="3" fillId="0" borderId="32" xfId="0" applyNumberFormat="1" applyFont="1" applyFill="1" applyBorder="1" applyAlignment="1">
      <alignment horizontal="right"/>
    </xf>
    <xf numFmtId="178" fontId="3" fillId="0" borderId="33" xfId="0" applyNumberFormat="1" applyFont="1" applyFill="1" applyBorder="1" applyAlignment="1">
      <alignment horizontal="right"/>
    </xf>
    <xf numFmtId="176" fontId="0" fillId="0" borderId="3" xfId="0" applyNumberFormat="1" applyFont="1" applyFill="1" applyBorder="1" applyAlignment="1">
      <alignment horizontal="center" vertical="center" shrinkToFit="1"/>
    </xf>
    <xf numFmtId="178" fontId="0" fillId="0" borderId="3" xfId="0" applyNumberFormat="1" applyFont="1" applyFill="1" applyBorder="1" applyAlignment="1">
      <alignment horizontal="right"/>
    </xf>
    <xf numFmtId="178" fontId="0" fillId="0" borderId="9" xfId="0" applyNumberFormat="1" applyFont="1" applyFill="1" applyBorder="1" applyAlignment="1">
      <alignment horizontal="right"/>
    </xf>
    <xf numFmtId="178" fontId="0" fillId="2" borderId="36" xfId="0" applyNumberFormat="1" applyFont="1" applyFill="1" applyBorder="1" applyAlignment="1">
      <alignment horizontal="right"/>
    </xf>
    <xf numFmtId="178" fontId="3" fillId="2" borderId="36" xfId="0" applyNumberFormat="1" applyFont="1" applyFill="1" applyBorder="1" applyAlignment="1">
      <alignment horizontal="right"/>
    </xf>
    <xf numFmtId="178" fontId="3" fillId="0" borderId="37" xfId="0" applyNumberFormat="1" applyFont="1" applyFill="1" applyBorder="1" applyAlignment="1">
      <alignment horizontal="right"/>
    </xf>
    <xf numFmtId="178" fontId="3" fillId="0" borderId="3" xfId="0" applyNumberFormat="1" applyFont="1" applyFill="1" applyBorder="1" applyAlignment="1">
      <alignment horizontal="right"/>
    </xf>
    <xf numFmtId="178" fontId="3" fillId="0" borderId="9" xfId="0" applyNumberFormat="1" applyFont="1" applyFill="1" applyBorder="1" applyAlignment="1">
      <alignment horizontal="right"/>
    </xf>
    <xf numFmtId="178" fontId="3" fillId="0" borderId="38" xfId="0" applyNumberFormat="1" applyFont="1" applyFill="1" applyBorder="1" applyAlignment="1">
      <alignment horizontal="right"/>
    </xf>
    <xf numFmtId="0" fontId="4" fillId="0" borderId="0" xfId="0" applyFont="1" applyFill="1" applyAlignment="1">
      <alignment horizontal="left" vertical="top" wrapText="1"/>
    </xf>
    <xf numFmtId="0" fontId="3" fillId="0" borderId="13" xfId="0" applyFont="1" applyFill="1" applyBorder="1" applyAlignment="1">
      <alignment horizontal="center" vertical="center" textRotation="255"/>
    </xf>
    <xf numFmtId="0" fontId="3" fillId="0" borderId="18" xfId="0" applyFont="1" applyFill="1" applyBorder="1" applyAlignment="1">
      <alignment horizontal="center" vertical="center" textRotation="255"/>
    </xf>
    <xf numFmtId="0" fontId="3" fillId="0" borderId="30" xfId="0" applyFont="1" applyFill="1" applyBorder="1" applyAlignment="1">
      <alignment horizontal="center" vertical="center" textRotation="255"/>
    </xf>
    <xf numFmtId="0" fontId="3" fillId="0" borderId="27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23" xfId="0" applyFont="1" applyFill="1" applyBorder="1" applyAlignment="1">
      <alignment horizontal="center" vertical="center"/>
    </xf>
    <xf numFmtId="0" fontId="3" fillId="0" borderId="28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13" xfId="0" applyFont="1" applyFill="1" applyBorder="1" applyAlignment="1">
      <alignment horizontal="center" vertical="center" textRotation="255"/>
    </xf>
    <xf numFmtId="0" fontId="0" fillId="0" borderId="18" xfId="0" applyFont="1" applyFill="1" applyBorder="1" applyAlignment="1">
      <alignment horizontal="center" vertical="center" textRotation="255"/>
    </xf>
    <xf numFmtId="0" fontId="0" fillId="0" borderId="29" xfId="0" applyFont="1" applyFill="1" applyBorder="1" applyAlignment="1">
      <alignment horizontal="center" vertical="center" textRotation="255"/>
    </xf>
    <xf numFmtId="0" fontId="0" fillId="0" borderId="14" xfId="0" applyFont="1" applyFill="1" applyBorder="1" applyAlignment="1">
      <alignment horizontal="center" vertical="center"/>
    </xf>
    <xf numFmtId="0" fontId="0" fillId="0" borderId="19" xfId="0" applyFont="1" applyFill="1" applyBorder="1" applyAlignment="1">
      <alignment horizontal="center" vertical="center"/>
    </xf>
    <xf numFmtId="0" fontId="0" fillId="0" borderId="23" xfId="0" applyFont="1" applyFill="1" applyBorder="1" applyAlignment="1">
      <alignment horizontal="center" vertical="center"/>
    </xf>
    <xf numFmtId="0" fontId="0" fillId="0" borderId="27" xfId="0" applyFont="1" applyFill="1" applyBorder="1" applyAlignment="1">
      <alignment horizontal="center" vertical="center"/>
    </xf>
    <xf numFmtId="0" fontId="0" fillId="0" borderId="28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607519</xdr:colOff>
      <xdr:row>32</xdr:row>
      <xdr:rowOff>121254</xdr:rowOff>
    </xdr:from>
    <xdr:to>
      <xdr:col>6</xdr:col>
      <xdr:colOff>390156</xdr:colOff>
      <xdr:row>34</xdr:row>
      <xdr:rowOff>72524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492AF6A4-0560-41BB-B911-8CCC54081762}"/>
            </a:ext>
          </a:extLst>
        </xdr:cNvPr>
        <xdr:cNvSpPr txBox="1"/>
      </xdr:nvSpPr>
      <xdr:spPr bwMode="auto">
        <a:xfrm>
          <a:off x="1931494" y="5817204"/>
          <a:ext cx="1840037" cy="29417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平均年齢＝</a:t>
          </a:r>
        </a:p>
      </xdr:txBody>
    </xdr:sp>
    <xdr:clientData/>
  </xdr:twoCellAnchor>
  <xdr:twoCellAnchor>
    <xdr:from>
      <xdr:col>5</xdr:col>
      <xdr:colOff>164886</xdr:colOff>
      <xdr:row>33</xdr:row>
      <xdr:rowOff>83244</xdr:rowOff>
    </xdr:from>
    <xdr:to>
      <xdr:col>8</xdr:col>
      <xdr:colOff>179294</xdr:colOff>
      <xdr:row>33</xdr:row>
      <xdr:rowOff>83244</xdr:rowOff>
    </xdr:to>
    <xdr:cxnSp macro="">
      <xdr:nvCxnSpPr>
        <xdr:cNvPr id="3" name="直線コネクタ 2">
          <a:extLst>
            <a:ext uri="{FF2B5EF4-FFF2-40B4-BE49-F238E27FC236}">
              <a16:creationId xmlns:a16="http://schemas.microsoft.com/office/drawing/2014/main" id="{8D11E298-1A97-4B4B-9351-2A55F67138A2}"/>
            </a:ext>
          </a:extLst>
        </xdr:cNvPr>
        <xdr:cNvCxnSpPr>
          <a:cxnSpLocks noChangeShapeType="1"/>
        </xdr:cNvCxnSpPr>
      </xdr:nvCxnSpPr>
      <xdr:spPr bwMode="auto">
        <a:xfrm>
          <a:off x="2860461" y="5950644"/>
          <a:ext cx="2071808" cy="0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5</xdr:col>
      <xdr:colOff>133134</xdr:colOff>
      <xdr:row>32</xdr:row>
      <xdr:rowOff>11205</xdr:rowOff>
    </xdr:from>
    <xdr:to>
      <xdr:col>8</xdr:col>
      <xdr:colOff>78442</xdr:colOff>
      <xdr:row>33</xdr:row>
      <xdr:rowOff>68904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5D8F16E2-14F4-495A-B032-3B4FB0FA4C27}"/>
            </a:ext>
          </a:extLst>
        </xdr:cNvPr>
        <xdr:cNvSpPr txBox="1"/>
      </xdr:nvSpPr>
      <xdr:spPr bwMode="auto">
        <a:xfrm>
          <a:off x="2828709" y="5707155"/>
          <a:ext cx="2002708" cy="22914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年齢（各歳）</a:t>
          </a:r>
          <a:r>
            <a:rPr kumimoji="1" lang="en-US" altLang="ja-JP" sz="1100">
              <a:latin typeface="ＭＳ 明朝" pitchFamily="17" charset="-128"/>
              <a:ea typeface="ＭＳ 明朝" pitchFamily="17" charset="-128"/>
            </a:rPr>
            <a:t>×</a:t>
          </a:r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各歳別人口</a:t>
          </a:r>
        </a:p>
      </xdr:txBody>
    </xdr:sp>
    <xdr:clientData/>
  </xdr:twoCellAnchor>
  <xdr:twoCellAnchor>
    <xdr:from>
      <xdr:col>5</xdr:col>
      <xdr:colOff>128876</xdr:colOff>
      <xdr:row>33</xdr:row>
      <xdr:rowOff>86255</xdr:rowOff>
    </xdr:from>
    <xdr:to>
      <xdr:col>7</xdr:col>
      <xdr:colOff>412759</xdr:colOff>
      <xdr:row>34</xdr:row>
      <xdr:rowOff>149969</xdr:rowOff>
    </xdr:to>
    <xdr:sp macro="" textlink="">
      <xdr:nvSpPr>
        <xdr:cNvPr id="5" name="テキスト ボックス 4">
          <a:extLst>
            <a:ext uri="{FF2B5EF4-FFF2-40B4-BE49-F238E27FC236}">
              <a16:creationId xmlns:a16="http://schemas.microsoft.com/office/drawing/2014/main" id="{3CC9837B-E6C8-42C5-B5AB-72131894C2CD}"/>
            </a:ext>
          </a:extLst>
        </xdr:cNvPr>
        <xdr:cNvSpPr txBox="1"/>
      </xdr:nvSpPr>
      <xdr:spPr bwMode="auto">
        <a:xfrm>
          <a:off x="2824451" y="5953655"/>
          <a:ext cx="1655483" cy="23516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各歳別人口の合計</a:t>
          </a:r>
          <a:endParaRPr kumimoji="1" lang="en-US" altLang="ja-JP" sz="1100">
            <a:latin typeface="ＭＳ 明朝" pitchFamily="17" charset="-128"/>
            <a:ea typeface="ＭＳ 明朝" pitchFamily="17" charset="-128"/>
          </a:endParaRPr>
        </a:p>
      </xdr:txBody>
    </xdr:sp>
    <xdr:clientData/>
  </xdr:twoCellAnchor>
  <xdr:twoCellAnchor>
    <xdr:from>
      <xdr:col>8</xdr:col>
      <xdr:colOff>172440</xdr:colOff>
      <xdr:row>32</xdr:row>
      <xdr:rowOff>115260</xdr:rowOff>
    </xdr:from>
    <xdr:to>
      <xdr:col>9</xdr:col>
      <xdr:colOff>585107</xdr:colOff>
      <xdr:row>34</xdr:row>
      <xdr:rowOff>58918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3165B69F-0256-470E-A9A1-1452C878DBF4}"/>
            </a:ext>
          </a:extLst>
        </xdr:cNvPr>
        <xdr:cNvSpPr txBox="1"/>
      </xdr:nvSpPr>
      <xdr:spPr bwMode="auto">
        <a:xfrm>
          <a:off x="4925415" y="5811210"/>
          <a:ext cx="1098467" cy="2865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en-US" altLang="ja-JP" sz="1100">
              <a:latin typeface="ＭＳ 明朝" pitchFamily="17" charset="-128"/>
              <a:ea typeface="ＭＳ 明朝" pitchFamily="17" charset="-128"/>
            </a:rPr>
            <a:t>+</a:t>
          </a:r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　</a:t>
          </a:r>
          <a:r>
            <a:rPr kumimoji="1" lang="en-US" altLang="ja-JP" sz="1100">
              <a:latin typeface="ＭＳ 明朝" pitchFamily="17" charset="-128"/>
              <a:ea typeface="ＭＳ 明朝" pitchFamily="17" charset="-128"/>
            </a:rPr>
            <a:t>0.5</a:t>
          </a:r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（</a:t>
          </a:r>
          <a:r>
            <a:rPr kumimoji="1" lang="en-US" altLang="ja-JP" sz="1100">
              <a:latin typeface="ＭＳ 明朝" pitchFamily="17" charset="-128"/>
              <a:ea typeface="ＭＳ 明朝" pitchFamily="17" charset="-128"/>
            </a:rPr>
            <a:t>※</a:t>
          </a:r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）</a:t>
          </a:r>
        </a:p>
      </xdr:txBody>
    </xdr:sp>
    <xdr:clientData/>
  </xdr:twoCellAnchor>
  <xdr:twoCellAnchor>
    <xdr:from>
      <xdr:col>16</xdr:col>
      <xdr:colOff>607519</xdr:colOff>
      <xdr:row>32</xdr:row>
      <xdr:rowOff>121254</xdr:rowOff>
    </xdr:from>
    <xdr:to>
      <xdr:col>19</xdr:col>
      <xdr:colOff>390156</xdr:colOff>
      <xdr:row>34</xdr:row>
      <xdr:rowOff>72524</xdr:rowOff>
    </xdr:to>
    <xdr:sp macro="" textlink="">
      <xdr:nvSpPr>
        <xdr:cNvPr id="7" name="テキスト ボックス 6">
          <a:extLst>
            <a:ext uri="{FF2B5EF4-FFF2-40B4-BE49-F238E27FC236}">
              <a16:creationId xmlns:a16="http://schemas.microsoft.com/office/drawing/2014/main" id="{C2A80F36-16A7-46E6-B59E-372315692CA9}"/>
            </a:ext>
          </a:extLst>
        </xdr:cNvPr>
        <xdr:cNvSpPr txBox="1"/>
      </xdr:nvSpPr>
      <xdr:spPr bwMode="auto">
        <a:xfrm>
          <a:off x="1800443" y="5712757"/>
          <a:ext cx="1627203" cy="28760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平均年齢＝</a:t>
          </a:r>
        </a:p>
      </xdr:txBody>
    </xdr:sp>
    <xdr:clientData/>
  </xdr:twoCellAnchor>
  <xdr:twoCellAnchor>
    <xdr:from>
      <xdr:col>18</xdr:col>
      <xdr:colOff>164886</xdr:colOff>
      <xdr:row>33</xdr:row>
      <xdr:rowOff>83244</xdr:rowOff>
    </xdr:from>
    <xdr:to>
      <xdr:col>21</xdr:col>
      <xdr:colOff>179294</xdr:colOff>
      <xdr:row>33</xdr:row>
      <xdr:rowOff>83244</xdr:rowOff>
    </xdr:to>
    <xdr:cxnSp macro="">
      <xdr:nvCxnSpPr>
        <xdr:cNvPr id="8" name="直線コネクタ 7">
          <a:extLst>
            <a:ext uri="{FF2B5EF4-FFF2-40B4-BE49-F238E27FC236}">
              <a16:creationId xmlns:a16="http://schemas.microsoft.com/office/drawing/2014/main" id="{233DDA56-1D98-4B8B-8739-DB07A322B480}"/>
            </a:ext>
          </a:extLst>
        </xdr:cNvPr>
        <xdr:cNvCxnSpPr>
          <a:cxnSpLocks noChangeShapeType="1"/>
        </xdr:cNvCxnSpPr>
      </xdr:nvCxnSpPr>
      <xdr:spPr bwMode="auto">
        <a:xfrm>
          <a:off x="2587520" y="5842913"/>
          <a:ext cx="1858974" cy="0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  <xdr:twoCellAnchor>
    <xdr:from>
      <xdr:col>18</xdr:col>
      <xdr:colOff>133134</xdr:colOff>
      <xdr:row>32</xdr:row>
      <xdr:rowOff>11205</xdr:rowOff>
    </xdr:from>
    <xdr:to>
      <xdr:col>21</xdr:col>
      <xdr:colOff>78442</xdr:colOff>
      <xdr:row>33</xdr:row>
      <xdr:rowOff>68904</xdr:rowOff>
    </xdr:to>
    <xdr:sp macro="" textlink="">
      <xdr:nvSpPr>
        <xdr:cNvPr id="9" name="テキスト ボックス 8">
          <a:extLst>
            <a:ext uri="{FF2B5EF4-FFF2-40B4-BE49-F238E27FC236}">
              <a16:creationId xmlns:a16="http://schemas.microsoft.com/office/drawing/2014/main" id="{2055B81E-1E89-4E56-B2D7-B6CD50EF5E3C}"/>
            </a:ext>
          </a:extLst>
        </xdr:cNvPr>
        <xdr:cNvSpPr txBox="1"/>
      </xdr:nvSpPr>
      <xdr:spPr bwMode="auto">
        <a:xfrm>
          <a:off x="2555768" y="5602708"/>
          <a:ext cx="1789874" cy="22586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年齢（各歳）</a:t>
          </a:r>
          <a:r>
            <a:rPr kumimoji="1" lang="en-US" altLang="ja-JP" sz="1100">
              <a:latin typeface="ＭＳ 明朝" pitchFamily="17" charset="-128"/>
              <a:ea typeface="ＭＳ 明朝" pitchFamily="17" charset="-128"/>
            </a:rPr>
            <a:t>×</a:t>
          </a:r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各歳別人口</a:t>
          </a:r>
        </a:p>
      </xdr:txBody>
    </xdr:sp>
    <xdr:clientData/>
  </xdr:twoCellAnchor>
  <xdr:twoCellAnchor>
    <xdr:from>
      <xdr:col>18</xdr:col>
      <xdr:colOff>128876</xdr:colOff>
      <xdr:row>33</xdr:row>
      <xdr:rowOff>86255</xdr:rowOff>
    </xdr:from>
    <xdr:to>
      <xdr:col>20</xdr:col>
      <xdr:colOff>412759</xdr:colOff>
      <xdr:row>34</xdr:row>
      <xdr:rowOff>149969</xdr:rowOff>
    </xdr:to>
    <xdr:sp macro="" textlink="">
      <xdr:nvSpPr>
        <xdr:cNvPr id="10" name="テキスト ボックス 9">
          <a:extLst>
            <a:ext uri="{FF2B5EF4-FFF2-40B4-BE49-F238E27FC236}">
              <a16:creationId xmlns:a16="http://schemas.microsoft.com/office/drawing/2014/main" id="{B5146DDE-67A8-4CAC-BE1F-830E6F08C2AD}"/>
            </a:ext>
          </a:extLst>
        </xdr:cNvPr>
        <xdr:cNvSpPr txBox="1"/>
      </xdr:nvSpPr>
      <xdr:spPr bwMode="auto">
        <a:xfrm>
          <a:off x="2551510" y="5845924"/>
          <a:ext cx="1513594" cy="23187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各歳別人口の合計</a:t>
          </a:r>
          <a:endParaRPr kumimoji="1" lang="en-US" altLang="ja-JP" sz="1100">
            <a:latin typeface="ＭＳ 明朝" pitchFamily="17" charset="-128"/>
            <a:ea typeface="ＭＳ 明朝" pitchFamily="17" charset="-128"/>
          </a:endParaRPr>
        </a:p>
      </xdr:txBody>
    </xdr:sp>
    <xdr:clientData/>
  </xdr:twoCellAnchor>
  <xdr:twoCellAnchor>
    <xdr:from>
      <xdr:col>21</xdr:col>
      <xdr:colOff>172440</xdr:colOff>
      <xdr:row>32</xdr:row>
      <xdr:rowOff>115260</xdr:rowOff>
    </xdr:from>
    <xdr:to>
      <xdr:col>22</xdr:col>
      <xdr:colOff>585107</xdr:colOff>
      <xdr:row>34</xdr:row>
      <xdr:rowOff>58918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A32CCBBD-C777-46C8-8F40-4F838C121A75}"/>
            </a:ext>
          </a:extLst>
        </xdr:cNvPr>
        <xdr:cNvSpPr txBox="1"/>
      </xdr:nvSpPr>
      <xdr:spPr bwMode="auto">
        <a:xfrm>
          <a:off x="4439640" y="5706763"/>
          <a:ext cx="1027522" cy="27998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en-US" altLang="ja-JP" sz="1100">
              <a:latin typeface="ＭＳ 明朝" pitchFamily="17" charset="-128"/>
              <a:ea typeface="ＭＳ 明朝" pitchFamily="17" charset="-128"/>
            </a:rPr>
            <a:t>+</a:t>
          </a:r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　</a:t>
          </a:r>
          <a:r>
            <a:rPr kumimoji="1" lang="en-US" altLang="ja-JP" sz="1100">
              <a:latin typeface="ＭＳ 明朝" pitchFamily="17" charset="-128"/>
              <a:ea typeface="ＭＳ 明朝" pitchFamily="17" charset="-128"/>
            </a:rPr>
            <a:t>0.5</a:t>
          </a:r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（</a:t>
          </a:r>
          <a:r>
            <a:rPr kumimoji="1" lang="en-US" altLang="ja-JP" sz="1100">
              <a:latin typeface="ＭＳ 明朝" pitchFamily="17" charset="-128"/>
              <a:ea typeface="ＭＳ 明朝" pitchFamily="17" charset="-128"/>
            </a:rPr>
            <a:t>※</a:t>
          </a:r>
          <a:r>
            <a:rPr kumimoji="1" lang="ja-JP" altLang="en-US" sz="1100">
              <a:latin typeface="ＭＳ 明朝" pitchFamily="17" charset="-128"/>
              <a:ea typeface="ＭＳ 明朝" pitchFamily="17" charset="-128"/>
            </a:rPr>
            <a:t>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A40"/>
  <sheetViews>
    <sheetView tabSelected="1" view="pageBreakPreview" zoomScale="145" zoomScaleNormal="10" zoomScaleSheetLayoutView="145" zoomScalePageLayoutView="85" workbookViewId="0">
      <pane xSplit="3" ySplit="2" topLeftCell="Q15" activePane="bottomRight" state="frozen"/>
      <selection activeCell="G9" sqref="G9"/>
      <selection pane="topRight" activeCell="G9" sqref="G9"/>
      <selection pane="bottomLeft" activeCell="G9" sqref="G9"/>
      <selection pane="bottomRight" activeCell="X33" sqref="X33"/>
    </sheetView>
  </sheetViews>
  <sheetFormatPr defaultRowHeight="13.2" x14ac:dyDescent="0.2"/>
  <cols>
    <col min="1" max="1" width="3.88671875" customWidth="1"/>
    <col min="2" max="2" width="8.33203125" customWidth="1"/>
    <col min="3" max="3" width="5.109375" customWidth="1"/>
    <col min="4" max="11" width="9" customWidth="1"/>
  </cols>
  <sheetData>
    <row r="1" spans="1:24" ht="21.75" customHeight="1" x14ac:dyDescent="0.2">
      <c r="A1" s="116" t="s">
        <v>0</v>
      </c>
      <c r="B1" s="117"/>
      <c r="C1" s="118"/>
      <c r="D1" s="1">
        <v>1920</v>
      </c>
      <c r="E1" s="2">
        <v>1925</v>
      </c>
      <c r="F1" s="2">
        <v>1930</v>
      </c>
      <c r="G1" s="2">
        <v>1935</v>
      </c>
      <c r="H1" s="2">
        <v>1940</v>
      </c>
      <c r="I1" s="2">
        <v>1945</v>
      </c>
      <c r="J1" s="2">
        <v>1950</v>
      </c>
      <c r="K1" s="2">
        <v>1955</v>
      </c>
      <c r="L1" s="2">
        <v>1960</v>
      </c>
      <c r="M1" s="2">
        <v>1965</v>
      </c>
      <c r="N1" s="2">
        <v>1970</v>
      </c>
      <c r="O1" s="2">
        <v>1975</v>
      </c>
      <c r="P1" s="2">
        <v>1980</v>
      </c>
      <c r="Q1" s="2">
        <v>1985</v>
      </c>
      <c r="R1" s="2">
        <v>1990</v>
      </c>
      <c r="S1" s="2">
        <v>1995</v>
      </c>
      <c r="T1" s="2">
        <v>2000</v>
      </c>
      <c r="U1" s="2">
        <v>2005</v>
      </c>
      <c r="V1" s="3">
        <v>2010</v>
      </c>
      <c r="W1" s="3">
        <v>2015</v>
      </c>
      <c r="X1" s="98">
        <v>2020</v>
      </c>
    </row>
    <row r="2" spans="1:24" ht="21.75" customHeight="1" x14ac:dyDescent="0.2">
      <c r="A2" s="119" t="s">
        <v>1</v>
      </c>
      <c r="B2" s="120"/>
      <c r="C2" s="121"/>
      <c r="D2" s="4" t="s">
        <v>2</v>
      </c>
      <c r="E2" s="5" t="s">
        <v>3</v>
      </c>
      <c r="F2" s="5" t="s">
        <v>4</v>
      </c>
      <c r="G2" s="5" t="s">
        <v>5</v>
      </c>
      <c r="H2" s="5" t="s">
        <v>6</v>
      </c>
      <c r="I2" s="5" t="s">
        <v>7</v>
      </c>
      <c r="J2" s="5" t="s">
        <v>8</v>
      </c>
      <c r="K2" s="5" t="s">
        <v>9</v>
      </c>
      <c r="L2" s="5" t="s">
        <v>10</v>
      </c>
      <c r="M2" s="5" t="s">
        <v>11</v>
      </c>
      <c r="N2" s="5" t="s">
        <v>12</v>
      </c>
      <c r="O2" s="5" t="s">
        <v>13</v>
      </c>
      <c r="P2" s="5" t="s">
        <v>14</v>
      </c>
      <c r="Q2" s="5" t="s">
        <v>15</v>
      </c>
      <c r="R2" s="5" t="s">
        <v>16</v>
      </c>
      <c r="S2" s="5" t="s">
        <v>17</v>
      </c>
      <c r="T2" s="5" t="s">
        <v>18</v>
      </c>
      <c r="U2" s="5" t="s">
        <v>19</v>
      </c>
      <c r="V2" s="6" t="s">
        <v>20</v>
      </c>
      <c r="W2" s="87" t="s">
        <v>21</v>
      </c>
      <c r="X2" s="7" t="s">
        <v>35</v>
      </c>
    </row>
    <row r="3" spans="1:24" x14ac:dyDescent="0.2">
      <c r="A3" s="122" t="s">
        <v>22</v>
      </c>
      <c r="B3" s="125" t="s">
        <v>23</v>
      </c>
      <c r="C3" s="8" t="s">
        <v>24</v>
      </c>
      <c r="D3" s="9">
        <v>26.7</v>
      </c>
      <c r="E3" s="10"/>
      <c r="F3" s="10">
        <v>26.3</v>
      </c>
      <c r="G3" s="10"/>
      <c r="H3" s="11">
        <v>26.6</v>
      </c>
      <c r="I3" s="11"/>
      <c r="J3" s="11">
        <v>26.6</v>
      </c>
      <c r="K3" s="11">
        <v>27.6</v>
      </c>
      <c r="L3" s="11">
        <v>29</v>
      </c>
      <c r="M3" s="11">
        <v>30.3</v>
      </c>
      <c r="N3" s="11">
        <v>31.5</v>
      </c>
      <c r="O3" s="12">
        <v>32.5</v>
      </c>
      <c r="P3" s="12">
        <v>33.9</v>
      </c>
      <c r="Q3" s="12">
        <v>35.700000000000003</v>
      </c>
      <c r="R3" s="13">
        <v>37.6</v>
      </c>
      <c r="S3" s="13">
        <v>39.6</v>
      </c>
      <c r="T3" s="13">
        <v>41.4</v>
      </c>
      <c r="U3" s="13">
        <v>43.3</v>
      </c>
      <c r="V3" s="13">
        <v>45</v>
      </c>
      <c r="W3" s="88">
        <v>46.4</v>
      </c>
      <c r="X3" s="34">
        <v>47.7</v>
      </c>
    </row>
    <row r="4" spans="1:24" x14ac:dyDescent="0.2">
      <c r="A4" s="123"/>
      <c r="B4" s="126"/>
      <c r="C4" s="14" t="s">
        <v>25</v>
      </c>
      <c r="D4" s="15">
        <v>26.4</v>
      </c>
      <c r="E4" s="16">
        <v>26.1</v>
      </c>
      <c r="F4" s="16">
        <v>25.9</v>
      </c>
      <c r="G4" s="16">
        <v>25.9</v>
      </c>
      <c r="H4" s="17">
        <v>26.1</v>
      </c>
      <c r="I4" s="17">
        <v>26.2</v>
      </c>
      <c r="J4" s="17">
        <v>26</v>
      </c>
      <c r="K4" s="17">
        <v>26.9</v>
      </c>
      <c r="L4" s="17">
        <v>28.3</v>
      </c>
      <c r="M4" s="17">
        <v>29.6</v>
      </c>
      <c r="N4" s="17">
        <v>30.6</v>
      </c>
      <c r="O4" s="17">
        <v>31.5</v>
      </c>
      <c r="P4" s="17">
        <v>32.9</v>
      </c>
      <c r="Q4" s="18">
        <v>34.5</v>
      </c>
      <c r="R4" s="19">
        <v>36.4</v>
      </c>
      <c r="S4" s="20">
        <v>38.299999999999997</v>
      </c>
      <c r="T4" s="20">
        <v>40.1</v>
      </c>
      <c r="U4" s="20">
        <v>41.9</v>
      </c>
      <c r="V4" s="20">
        <v>43.4</v>
      </c>
      <c r="W4" s="89">
        <v>44.8</v>
      </c>
      <c r="X4" s="21">
        <v>46</v>
      </c>
    </row>
    <row r="5" spans="1:24" x14ac:dyDescent="0.2">
      <c r="A5" s="123"/>
      <c r="B5" s="127"/>
      <c r="C5" s="22" t="s">
        <v>26</v>
      </c>
      <c r="D5" s="23">
        <v>27.1</v>
      </c>
      <c r="E5" s="24">
        <v>26.9</v>
      </c>
      <c r="F5" s="24">
        <v>26.7</v>
      </c>
      <c r="G5" s="24">
        <v>26.7</v>
      </c>
      <c r="H5" s="25">
        <v>27</v>
      </c>
      <c r="I5" s="25">
        <v>27.3</v>
      </c>
      <c r="J5" s="25">
        <v>27.2</v>
      </c>
      <c r="K5" s="25">
        <v>28.3</v>
      </c>
      <c r="L5" s="25">
        <v>29.8</v>
      </c>
      <c r="M5" s="25">
        <v>31.1</v>
      </c>
      <c r="N5" s="25">
        <v>32.299999999999997</v>
      </c>
      <c r="O5" s="25">
        <v>33.4</v>
      </c>
      <c r="P5" s="25">
        <v>35</v>
      </c>
      <c r="Q5" s="25">
        <v>36.799999999999997</v>
      </c>
      <c r="R5" s="26">
        <v>38.799999999999997</v>
      </c>
      <c r="S5" s="26">
        <v>40.799999999999997</v>
      </c>
      <c r="T5" s="26">
        <v>42.8</v>
      </c>
      <c r="U5" s="26">
        <v>44.7</v>
      </c>
      <c r="V5" s="27">
        <v>46.4</v>
      </c>
      <c r="W5" s="90">
        <v>47.9</v>
      </c>
      <c r="X5" s="41">
        <v>49.2</v>
      </c>
    </row>
    <row r="6" spans="1:24" x14ac:dyDescent="0.2">
      <c r="A6" s="123"/>
      <c r="B6" s="128" t="s">
        <v>27</v>
      </c>
      <c r="C6" s="28" t="s">
        <v>24</v>
      </c>
      <c r="D6" s="29">
        <v>23.6</v>
      </c>
      <c r="E6" s="30"/>
      <c r="F6" s="30">
        <v>23.6</v>
      </c>
      <c r="G6" s="30"/>
      <c r="H6" s="31">
        <v>23.9</v>
      </c>
      <c r="I6" s="31">
        <v>24.6</v>
      </c>
      <c r="J6" s="31">
        <v>25.3</v>
      </c>
      <c r="K6" s="31">
        <v>27</v>
      </c>
      <c r="L6" s="31">
        <v>28.7</v>
      </c>
      <c r="M6" s="31">
        <v>30.5</v>
      </c>
      <c r="N6" s="31">
        <v>32</v>
      </c>
      <c r="O6" s="32">
        <v>33.5</v>
      </c>
      <c r="P6" s="32">
        <v>33.5</v>
      </c>
      <c r="Q6" s="32">
        <v>35.5</v>
      </c>
      <c r="R6" s="33">
        <v>37.799999999999997</v>
      </c>
      <c r="S6" s="33">
        <v>40</v>
      </c>
      <c r="T6" s="33">
        <v>42.2</v>
      </c>
      <c r="U6" s="33">
        <v>44.4</v>
      </c>
      <c r="V6" s="33">
        <v>46.5</v>
      </c>
      <c r="W6" s="91">
        <v>48.3</v>
      </c>
      <c r="X6" s="34">
        <v>49.8</v>
      </c>
    </row>
    <row r="7" spans="1:24" x14ac:dyDescent="0.2">
      <c r="A7" s="123"/>
      <c r="B7" s="126"/>
      <c r="C7" s="14" t="s">
        <v>25</v>
      </c>
      <c r="D7" s="15">
        <v>24.1</v>
      </c>
      <c r="E7" s="16">
        <v>23.9</v>
      </c>
      <c r="F7" s="16">
        <v>23.9</v>
      </c>
      <c r="G7" s="16">
        <v>23.7</v>
      </c>
      <c r="H7" s="17">
        <v>24.1</v>
      </c>
      <c r="I7" s="17">
        <v>25.1</v>
      </c>
      <c r="J7" s="17">
        <v>24.5</v>
      </c>
      <c r="K7" s="17">
        <v>25.2</v>
      </c>
      <c r="L7" s="17">
        <v>26.7</v>
      </c>
      <c r="M7" s="17">
        <v>28.5</v>
      </c>
      <c r="N7" s="17">
        <v>30.1</v>
      </c>
      <c r="O7" s="17">
        <v>31.4</v>
      </c>
      <c r="P7" s="17">
        <v>32.799999999999997</v>
      </c>
      <c r="Q7" s="18">
        <v>34.6</v>
      </c>
      <c r="R7" s="19">
        <v>36.799999999999997</v>
      </c>
      <c r="S7" s="20">
        <v>38.799999999999997</v>
      </c>
      <c r="T7" s="20">
        <v>40.9</v>
      </c>
      <c r="U7" s="20">
        <v>42.8</v>
      </c>
      <c r="V7" s="20">
        <v>44.8</v>
      </c>
      <c r="W7" s="89">
        <v>46.4</v>
      </c>
      <c r="X7" s="21">
        <v>47.8</v>
      </c>
    </row>
    <row r="8" spans="1:24" x14ac:dyDescent="0.2">
      <c r="A8" s="123"/>
      <c r="B8" s="129"/>
      <c r="C8" s="35" t="s">
        <v>26</v>
      </c>
      <c r="D8" s="36">
        <v>23</v>
      </c>
      <c r="E8" s="37">
        <v>23.2</v>
      </c>
      <c r="F8" s="37">
        <v>23.3</v>
      </c>
      <c r="G8" s="37">
        <v>23.2</v>
      </c>
      <c r="H8" s="38">
        <v>23.7</v>
      </c>
      <c r="I8" s="38">
        <v>25.2</v>
      </c>
      <c r="J8" s="38">
        <v>24.6</v>
      </c>
      <c r="K8" s="38">
        <v>25.5</v>
      </c>
      <c r="L8" s="38">
        <v>27.2</v>
      </c>
      <c r="M8" s="38">
        <v>29</v>
      </c>
      <c r="N8" s="38">
        <v>30.8</v>
      </c>
      <c r="O8" s="38">
        <v>32.5</v>
      </c>
      <c r="P8" s="38">
        <v>34.200000000000003</v>
      </c>
      <c r="Q8" s="38">
        <v>36.299999999999997</v>
      </c>
      <c r="R8" s="39">
        <v>38.700000000000003</v>
      </c>
      <c r="S8" s="39">
        <v>41.1</v>
      </c>
      <c r="T8" s="39">
        <v>43.5</v>
      </c>
      <c r="U8" s="39">
        <v>45.8</v>
      </c>
      <c r="V8" s="40">
        <v>48</v>
      </c>
      <c r="W8" s="92">
        <v>49.9</v>
      </c>
      <c r="X8" s="41">
        <v>51.6</v>
      </c>
    </row>
    <row r="9" spans="1:24" x14ac:dyDescent="0.2">
      <c r="A9" s="123"/>
      <c r="B9" s="125" t="s">
        <v>28</v>
      </c>
      <c r="C9" s="8" t="s">
        <v>24</v>
      </c>
      <c r="D9" s="9"/>
      <c r="E9" s="10"/>
      <c r="F9" s="10"/>
      <c r="G9" s="10"/>
      <c r="H9" s="11"/>
      <c r="I9" s="11"/>
      <c r="J9" s="11"/>
      <c r="K9" s="11"/>
      <c r="L9" s="11"/>
      <c r="M9" s="11"/>
      <c r="N9" s="11">
        <v>30.4</v>
      </c>
      <c r="O9" s="12">
        <v>31.1</v>
      </c>
      <c r="P9" s="12">
        <v>30.8</v>
      </c>
      <c r="Q9" s="12">
        <v>32.9</v>
      </c>
      <c r="R9" s="13">
        <v>35.4</v>
      </c>
      <c r="S9" s="13">
        <v>38.1</v>
      </c>
      <c r="T9" s="13">
        <v>40.799999999999997</v>
      </c>
      <c r="U9" s="13">
        <v>43.2</v>
      </c>
      <c r="V9" s="13">
        <v>46</v>
      </c>
      <c r="W9" s="88">
        <v>48.2</v>
      </c>
      <c r="X9" s="34">
        <v>49.8</v>
      </c>
    </row>
    <row r="10" spans="1:24" x14ac:dyDescent="0.2">
      <c r="A10" s="123"/>
      <c r="B10" s="126"/>
      <c r="C10" s="14" t="s">
        <v>25</v>
      </c>
      <c r="D10" s="15"/>
      <c r="E10" s="16"/>
      <c r="F10" s="16"/>
      <c r="G10" s="16"/>
      <c r="H10" s="17"/>
      <c r="I10" s="17"/>
      <c r="J10" s="17"/>
      <c r="K10" s="17"/>
      <c r="L10" s="17"/>
      <c r="M10" s="17"/>
      <c r="N10" s="17"/>
      <c r="O10" s="17"/>
      <c r="P10" s="17"/>
      <c r="Q10" s="18">
        <v>32.4</v>
      </c>
      <c r="R10" s="19">
        <v>34.799999999999997</v>
      </c>
      <c r="S10" s="20">
        <v>37.299999999999997</v>
      </c>
      <c r="T10" s="20">
        <v>39.799999999999997</v>
      </c>
      <c r="U10" s="20">
        <v>42</v>
      </c>
      <c r="V10" s="20">
        <v>44.6</v>
      </c>
      <c r="W10" s="89">
        <v>46.7</v>
      </c>
      <c r="X10" s="21">
        <v>48.3</v>
      </c>
    </row>
    <row r="11" spans="1:24" x14ac:dyDescent="0.2">
      <c r="A11" s="123"/>
      <c r="B11" s="127"/>
      <c r="C11" s="22" t="s">
        <v>26</v>
      </c>
      <c r="D11" s="23"/>
      <c r="E11" s="24"/>
      <c r="F11" s="24"/>
      <c r="G11" s="24"/>
      <c r="H11" s="25"/>
      <c r="I11" s="25"/>
      <c r="J11" s="25"/>
      <c r="K11" s="25"/>
      <c r="L11" s="25"/>
      <c r="M11" s="25"/>
      <c r="N11" s="25"/>
      <c r="O11" s="25"/>
      <c r="P11" s="25"/>
      <c r="Q11" s="25">
        <v>33.299999999999997</v>
      </c>
      <c r="R11" s="26">
        <v>36</v>
      </c>
      <c r="S11" s="26">
        <v>38.9</v>
      </c>
      <c r="T11" s="26">
        <v>41.7</v>
      </c>
      <c r="U11" s="26">
        <v>44.3</v>
      </c>
      <c r="V11" s="27">
        <v>47.2</v>
      </c>
      <c r="W11" s="90">
        <v>49.6</v>
      </c>
      <c r="X11" s="41">
        <v>51.3</v>
      </c>
    </row>
    <row r="12" spans="1:24" x14ac:dyDescent="0.2">
      <c r="A12" s="123"/>
      <c r="B12" s="128" t="s">
        <v>29</v>
      </c>
      <c r="C12" s="28" t="s">
        <v>24</v>
      </c>
      <c r="D12" s="29"/>
      <c r="E12" s="30"/>
      <c r="F12" s="30"/>
      <c r="G12" s="30"/>
      <c r="H12" s="31"/>
      <c r="I12" s="31"/>
      <c r="J12" s="31"/>
      <c r="K12" s="31"/>
      <c r="L12" s="31"/>
      <c r="M12" s="31"/>
      <c r="N12" s="31">
        <v>33.4</v>
      </c>
      <c r="O12" s="32">
        <v>35.700000000000003</v>
      </c>
      <c r="P12" s="32">
        <v>38</v>
      </c>
      <c r="Q12" s="32">
        <v>41</v>
      </c>
      <c r="R12" s="33">
        <v>42</v>
      </c>
      <c r="S12" s="33">
        <v>44.3</v>
      </c>
      <c r="T12" s="33">
        <v>47.2</v>
      </c>
      <c r="U12" s="33">
        <v>49.3</v>
      </c>
      <c r="V12" s="33">
        <v>53.1</v>
      </c>
      <c r="W12" s="33">
        <v>56.4</v>
      </c>
      <c r="X12" s="99">
        <v>58.3</v>
      </c>
    </row>
    <row r="13" spans="1:24" x14ac:dyDescent="0.2">
      <c r="A13" s="123"/>
      <c r="B13" s="126"/>
      <c r="C13" s="14" t="s">
        <v>25</v>
      </c>
      <c r="D13" s="15"/>
      <c r="E13" s="16"/>
      <c r="F13" s="16"/>
      <c r="G13" s="16"/>
      <c r="H13" s="17"/>
      <c r="I13" s="17"/>
      <c r="J13" s="17"/>
      <c r="K13" s="17"/>
      <c r="L13" s="17"/>
      <c r="M13" s="17"/>
      <c r="N13" s="17"/>
      <c r="O13" s="17"/>
      <c r="P13" s="17"/>
      <c r="Q13" s="18">
        <v>40</v>
      </c>
      <c r="R13" s="19">
        <v>40.9</v>
      </c>
      <c r="S13" s="20">
        <v>42.2</v>
      </c>
      <c r="T13" s="20">
        <v>44.6</v>
      </c>
      <c r="U13" s="20">
        <v>46.4</v>
      </c>
      <c r="V13" s="20">
        <v>50.5</v>
      </c>
      <c r="W13" s="89">
        <v>54.3</v>
      </c>
      <c r="X13" s="21">
        <v>56.8</v>
      </c>
    </row>
    <row r="14" spans="1:24" x14ac:dyDescent="0.2">
      <c r="A14" s="123"/>
      <c r="B14" s="129"/>
      <c r="C14" s="35" t="s">
        <v>26</v>
      </c>
      <c r="D14" s="36"/>
      <c r="E14" s="37"/>
      <c r="F14" s="37"/>
      <c r="G14" s="37"/>
      <c r="H14" s="38"/>
      <c r="I14" s="38"/>
      <c r="J14" s="38"/>
      <c r="K14" s="38"/>
      <c r="L14" s="38"/>
      <c r="M14" s="38"/>
      <c r="N14" s="38"/>
      <c r="O14" s="38"/>
      <c r="P14" s="38"/>
      <c r="Q14" s="38">
        <v>42</v>
      </c>
      <c r="R14" s="39">
        <v>43.1</v>
      </c>
      <c r="S14" s="39">
        <v>46.3</v>
      </c>
      <c r="T14" s="39">
        <v>49.8</v>
      </c>
      <c r="U14" s="39">
        <v>52.1</v>
      </c>
      <c r="V14" s="40">
        <v>55.7</v>
      </c>
      <c r="W14" s="40">
        <v>58.4</v>
      </c>
      <c r="X14" s="100">
        <v>59.8</v>
      </c>
    </row>
    <row r="15" spans="1:24" x14ac:dyDescent="0.2">
      <c r="A15" s="123"/>
      <c r="B15" s="125" t="s">
        <v>30</v>
      </c>
      <c r="C15" s="8" t="s">
        <v>24</v>
      </c>
      <c r="D15" s="9"/>
      <c r="E15" s="10"/>
      <c r="F15" s="10"/>
      <c r="G15" s="10"/>
      <c r="H15" s="11"/>
      <c r="I15" s="11"/>
      <c r="J15" s="11"/>
      <c r="K15" s="11"/>
      <c r="L15" s="11"/>
      <c r="M15" s="11"/>
      <c r="N15" s="11">
        <v>32.9</v>
      </c>
      <c r="O15" s="12">
        <v>36.799999999999997</v>
      </c>
      <c r="P15" s="12">
        <v>40.9</v>
      </c>
      <c r="Q15" s="12">
        <v>44.8</v>
      </c>
      <c r="R15" s="13">
        <v>48.7</v>
      </c>
      <c r="S15" s="13">
        <v>51.4</v>
      </c>
      <c r="T15" s="13">
        <v>53.6</v>
      </c>
      <c r="U15" s="13">
        <v>55.4</v>
      </c>
      <c r="V15" s="13">
        <v>59.4</v>
      </c>
      <c r="W15" s="88">
        <v>60.4</v>
      </c>
      <c r="X15" s="34">
        <v>61.8</v>
      </c>
    </row>
    <row r="16" spans="1:24" x14ac:dyDescent="0.2">
      <c r="A16" s="123"/>
      <c r="B16" s="126"/>
      <c r="C16" s="14" t="s">
        <v>25</v>
      </c>
      <c r="D16" s="15"/>
      <c r="E16" s="16"/>
      <c r="F16" s="16"/>
      <c r="G16" s="16"/>
      <c r="H16" s="17"/>
      <c r="I16" s="17"/>
      <c r="J16" s="17"/>
      <c r="K16" s="17"/>
      <c r="L16" s="17"/>
      <c r="M16" s="17"/>
      <c r="N16" s="17"/>
      <c r="O16" s="17"/>
      <c r="P16" s="17"/>
      <c r="Q16" s="18">
        <v>43.5</v>
      </c>
      <c r="R16" s="19">
        <v>47.3</v>
      </c>
      <c r="S16" s="20">
        <v>49.8</v>
      </c>
      <c r="T16" s="20">
        <v>51.4</v>
      </c>
      <c r="U16" s="20">
        <v>53.5</v>
      </c>
      <c r="V16" s="20">
        <v>57.8</v>
      </c>
      <c r="W16" s="20">
        <v>58.5</v>
      </c>
      <c r="X16" s="101">
        <v>59.9</v>
      </c>
    </row>
    <row r="17" spans="1:24" x14ac:dyDescent="0.2">
      <c r="A17" s="124"/>
      <c r="B17" s="127"/>
      <c r="C17" s="22" t="s">
        <v>26</v>
      </c>
      <c r="D17" s="23"/>
      <c r="E17" s="24"/>
      <c r="F17" s="24"/>
      <c r="G17" s="24"/>
      <c r="H17" s="25"/>
      <c r="I17" s="25"/>
      <c r="J17" s="25"/>
      <c r="K17" s="25"/>
      <c r="L17" s="25"/>
      <c r="M17" s="25"/>
      <c r="N17" s="25"/>
      <c r="O17" s="25"/>
      <c r="P17" s="25"/>
      <c r="Q17" s="25">
        <v>46</v>
      </c>
      <c r="R17" s="26">
        <v>49.9</v>
      </c>
      <c r="S17" s="26">
        <v>52.9</v>
      </c>
      <c r="T17" s="26">
        <v>55.8</v>
      </c>
      <c r="U17" s="26">
        <v>57.1</v>
      </c>
      <c r="V17" s="27">
        <v>60.7</v>
      </c>
      <c r="W17" s="90">
        <v>62</v>
      </c>
      <c r="X17" s="41">
        <v>63.4</v>
      </c>
    </row>
    <row r="18" spans="1:24" s="50" customFormat="1" x14ac:dyDescent="0.2">
      <c r="A18" s="108" t="s">
        <v>31</v>
      </c>
      <c r="B18" s="111" t="s">
        <v>23</v>
      </c>
      <c r="C18" s="42" t="s">
        <v>24</v>
      </c>
      <c r="D18" s="43">
        <v>22.2</v>
      </c>
      <c r="E18" s="44"/>
      <c r="F18" s="44">
        <v>21.8</v>
      </c>
      <c r="G18" s="44"/>
      <c r="H18" s="45">
        <v>22.1</v>
      </c>
      <c r="I18" s="45"/>
      <c r="J18" s="45">
        <v>22.2</v>
      </c>
      <c r="K18" s="45">
        <v>23.6</v>
      </c>
      <c r="L18" s="46">
        <v>25.6</v>
      </c>
      <c r="M18" s="46">
        <v>27.4</v>
      </c>
      <c r="N18" s="46">
        <v>29</v>
      </c>
      <c r="O18" s="45">
        <v>30.6</v>
      </c>
      <c r="P18" s="45">
        <v>32.5</v>
      </c>
      <c r="Q18" s="45">
        <v>35.200000000000003</v>
      </c>
      <c r="R18" s="47">
        <v>37.700000000000003</v>
      </c>
      <c r="S18" s="47">
        <v>39.700000000000003</v>
      </c>
      <c r="T18" s="47">
        <v>41.5</v>
      </c>
      <c r="U18" s="47">
        <v>43.3</v>
      </c>
      <c r="V18" s="48">
        <v>45</v>
      </c>
      <c r="W18" s="93">
        <v>46.7</v>
      </c>
      <c r="X18" s="49">
        <v>48.6</v>
      </c>
    </row>
    <row r="19" spans="1:24" s="50" customFormat="1" x14ac:dyDescent="0.2">
      <c r="A19" s="109"/>
      <c r="B19" s="112"/>
      <c r="C19" s="51" t="s">
        <v>25</v>
      </c>
      <c r="D19" s="52">
        <v>22</v>
      </c>
      <c r="E19" s="53">
        <v>21.9</v>
      </c>
      <c r="F19" s="53">
        <v>21.6</v>
      </c>
      <c r="G19" s="53">
        <v>21.8</v>
      </c>
      <c r="H19" s="54">
        <v>21.9</v>
      </c>
      <c r="I19" s="54">
        <v>19.600000000000001</v>
      </c>
      <c r="J19" s="54">
        <v>21.4</v>
      </c>
      <c r="K19" s="54">
        <v>22.8</v>
      </c>
      <c r="L19" s="55">
        <v>24.7</v>
      </c>
      <c r="M19" s="55">
        <v>26.6</v>
      </c>
      <c r="N19" s="55">
        <v>28.2</v>
      </c>
      <c r="O19" s="54">
        <v>29.4</v>
      </c>
      <c r="P19" s="54">
        <v>31.7</v>
      </c>
      <c r="Q19" s="54">
        <v>34.1</v>
      </c>
      <c r="R19" s="56">
        <v>36.299999999999997</v>
      </c>
      <c r="S19" s="56">
        <v>38.200000000000003</v>
      </c>
      <c r="T19" s="56">
        <v>39.799999999999997</v>
      </c>
      <c r="U19" s="56">
        <v>41.6</v>
      </c>
      <c r="V19" s="57">
        <v>43.3</v>
      </c>
      <c r="W19" s="57">
        <v>45.2</v>
      </c>
      <c r="X19" s="102">
        <v>47.1</v>
      </c>
    </row>
    <row r="20" spans="1:24" s="50" customFormat="1" x14ac:dyDescent="0.2">
      <c r="A20" s="109"/>
      <c r="B20" s="113"/>
      <c r="C20" s="59" t="s">
        <v>26</v>
      </c>
      <c r="D20" s="60">
        <v>22.5</v>
      </c>
      <c r="E20" s="61">
        <v>22.2</v>
      </c>
      <c r="F20" s="61">
        <v>21.9</v>
      </c>
      <c r="G20" s="61">
        <v>22.1</v>
      </c>
      <c r="H20" s="62">
        <v>22.4</v>
      </c>
      <c r="I20" s="62">
        <v>22.8</v>
      </c>
      <c r="J20" s="62">
        <v>23.1</v>
      </c>
      <c r="K20" s="62">
        <v>24.5</v>
      </c>
      <c r="L20" s="63">
        <v>26.4</v>
      </c>
      <c r="M20" s="63">
        <v>28.2</v>
      </c>
      <c r="N20" s="63">
        <v>29.8</v>
      </c>
      <c r="O20" s="62">
        <v>31.6</v>
      </c>
      <c r="P20" s="62">
        <v>33.4</v>
      </c>
      <c r="Q20" s="62">
        <v>36.200000000000003</v>
      </c>
      <c r="R20" s="64">
        <v>38.9</v>
      </c>
      <c r="S20" s="64">
        <v>41.2</v>
      </c>
      <c r="T20" s="64">
        <v>43.1</v>
      </c>
      <c r="U20" s="64">
        <v>45</v>
      </c>
      <c r="V20" s="65">
        <v>46.7</v>
      </c>
      <c r="W20" s="72">
        <v>48.3</v>
      </c>
      <c r="X20" s="103">
        <v>50.1</v>
      </c>
    </row>
    <row r="21" spans="1:24" s="50" customFormat="1" x14ac:dyDescent="0.2">
      <c r="A21" s="109"/>
      <c r="B21" s="111" t="s">
        <v>27</v>
      </c>
      <c r="C21" s="42" t="s">
        <v>24</v>
      </c>
      <c r="D21" s="43">
        <v>19.5</v>
      </c>
      <c r="E21" s="44"/>
      <c r="F21" s="44">
        <v>19.2</v>
      </c>
      <c r="G21" s="44"/>
      <c r="H21" s="45">
        <v>19.899999999999999</v>
      </c>
      <c r="I21" s="45"/>
      <c r="J21" s="45">
        <v>20.399999999999999</v>
      </c>
      <c r="K21" s="45">
        <v>21.6</v>
      </c>
      <c r="L21" s="46">
        <v>23.5</v>
      </c>
      <c r="M21" s="46">
        <v>25.8</v>
      </c>
      <c r="N21" s="46">
        <v>28.2</v>
      </c>
      <c r="O21" s="45">
        <v>30</v>
      </c>
      <c r="P21" s="45">
        <v>32.1</v>
      </c>
      <c r="Q21" s="45">
        <v>35</v>
      </c>
      <c r="R21" s="47">
        <v>38.1</v>
      </c>
      <c r="S21" s="47">
        <v>40.700000000000003</v>
      </c>
      <c r="T21" s="47">
        <v>43.1</v>
      </c>
      <c r="U21" s="47">
        <v>45.4</v>
      </c>
      <c r="V21" s="48">
        <v>47.7</v>
      </c>
      <c r="W21" s="48">
        <v>49.7</v>
      </c>
      <c r="X21" s="104">
        <v>51.4</v>
      </c>
    </row>
    <row r="22" spans="1:24" s="50" customFormat="1" x14ac:dyDescent="0.2">
      <c r="A22" s="109"/>
      <c r="B22" s="112"/>
      <c r="C22" s="51" t="s">
        <v>25</v>
      </c>
      <c r="D22" s="52">
        <v>20.3</v>
      </c>
      <c r="E22" s="53">
        <v>19.7</v>
      </c>
      <c r="F22" s="53">
        <v>19.8</v>
      </c>
      <c r="G22" s="53">
        <v>20</v>
      </c>
      <c r="H22" s="54">
        <v>20.399999999999999</v>
      </c>
      <c r="I22" s="54">
        <v>20.2</v>
      </c>
      <c r="J22" s="54">
        <v>20.2</v>
      </c>
      <c r="K22" s="54">
        <v>21.5</v>
      </c>
      <c r="L22" s="55">
        <v>23.4</v>
      </c>
      <c r="M22" s="55">
        <v>25.8</v>
      </c>
      <c r="N22" s="55">
        <v>27.6</v>
      </c>
      <c r="O22" s="54">
        <v>29.5</v>
      </c>
      <c r="P22" s="54">
        <v>31.5</v>
      </c>
      <c r="Q22" s="54">
        <v>34.299999999999997</v>
      </c>
      <c r="R22" s="56">
        <v>37.1</v>
      </c>
      <c r="S22" s="56">
        <v>39.299999999999997</v>
      </c>
      <c r="T22" s="56">
        <v>41.5</v>
      </c>
      <c r="U22" s="56">
        <v>43.5</v>
      </c>
      <c r="V22" s="57">
        <v>45.7</v>
      </c>
      <c r="W22" s="94">
        <v>47.4</v>
      </c>
      <c r="X22" s="58">
        <v>49.2</v>
      </c>
    </row>
    <row r="23" spans="1:24" s="50" customFormat="1" x14ac:dyDescent="0.2">
      <c r="A23" s="109"/>
      <c r="B23" s="114"/>
      <c r="C23" s="66" t="s">
        <v>26</v>
      </c>
      <c r="D23" s="67">
        <v>18.600000000000001</v>
      </c>
      <c r="E23" s="68">
        <v>18.3</v>
      </c>
      <c r="F23" s="68">
        <v>18.5</v>
      </c>
      <c r="G23" s="68">
        <v>18.899999999999999</v>
      </c>
      <c r="H23" s="69">
        <v>19.399999999999999</v>
      </c>
      <c r="I23" s="69">
        <v>21.3</v>
      </c>
      <c r="J23" s="69">
        <v>20.5</v>
      </c>
      <c r="K23" s="69">
        <v>21.7</v>
      </c>
      <c r="L23" s="70">
        <v>23.7</v>
      </c>
      <c r="M23" s="70">
        <v>25.9</v>
      </c>
      <c r="N23" s="70">
        <v>28.4</v>
      </c>
      <c r="O23" s="69">
        <v>30.5</v>
      </c>
      <c r="P23" s="69">
        <v>32.700000000000003</v>
      </c>
      <c r="Q23" s="69">
        <v>35.700000000000003</v>
      </c>
      <c r="R23" s="71">
        <v>39</v>
      </c>
      <c r="S23" s="71">
        <v>41.9</v>
      </c>
      <c r="T23" s="71">
        <v>44.7</v>
      </c>
      <c r="U23" s="71">
        <v>47.2</v>
      </c>
      <c r="V23" s="72">
        <v>49.7</v>
      </c>
      <c r="W23" s="72">
        <v>51.8</v>
      </c>
      <c r="X23" s="105">
        <v>53.6</v>
      </c>
    </row>
    <row r="24" spans="1:24" s="50" customFormat="1" x14ac:dyDescent="0.2">
      <c r="A24" s="109"/>
      <c r="B24" s="115" t="s">
        <v>28</v>
      </c>
      <c r="C24" s="74" t="s">
        <v>24</v>
      </c>
      <c r="D24" s="75"/>
      <c r="E24" s="76"/>
      <c r="F24" s="76"/>
      <c r="G24" s="76"/>
      <c r="H24" s="77"/>
      <c r="I24" s="77"/>
      <c r="J24" s="77"/>
      <c r="K24" s="77"/>
      <c r="L24" s="78"/>
      <c r="M24" s="78"/>
      <c r="N24" s="78"/>
      <c r="O24" s="77"/>
      <c r="P24" s="77"/>
      <c r="Q24" s="77">
        <v>34.299999999999997</v>
      </c>
      <c r="R24" s="79">
        <v>37.4</v>
      </c>
      <c r="S24" s="79">
        <v>40.200000000000003</v>
      </c>
      <c r="T24" s="79">
        <v>42.7</v>
      </c>
      <c r="U24" s="79">
        <v>45</v>
      </c>
      <c r="V24" s="80">
        <v>47.9</v>
      </c>
      <c r="W24" s="97">
        <v>50.4</v>
      </c>
      <c r="X24" s="49">
        <v>51.8</v>
      </c>
    </row>
    <row r="25" spans="1:24" s="50" customFormat="1" x14ac:dyDescent="0.2">
      <c r="A25" s="109"/>
      <c r="B25" s="112"/>
      <c r="C25" s="51" t="s">
        <v>25</v>
      </c>
      <c r="D25" s="52"/>
      <c r="E25" s="53"/>
      <c r="F25" s="53"/>
      <c r="G25" s="53"/>
      <c r="H25" s="54"/>
      <c r="I25" s="54"/>
      <c r="J25" s="54"/>
      <c r="K25" s="54"/>
      <c r="L25" s="55"/>
      <c r="M25" s="55"/>
      <c r="N25" s="55"/>
      <c r="O25" s="54"/>
      <c r="P25" s="54"/>
      <c r="Q25" s="54">
        <v>34.299999999999997</v>
      </c>
      <c r="R25" s="56">
        <v>37</v>
      </c>
      <c r="S25" s="56">
        <v>39.5</v>
      </c>
      <c r="T25" s="56">
        <v>41.6</v>
      </c>
      <c r="U25" s="56">
        <v>43.5</v>
      </c>
      <c r="V25" s="57">
        <v>46.1</v>
      </c>
      <c r="W25" s="57">
        <v>48.4</v>
      </c>
      <c r="X25" s="102">
        <v>50</v>
      </c>
    </row>
    <row r="26" spans="1:24" s="50" customFormat="1" x14ac:dyDescent="0.2">
      <c r="A26" s="109"/>
      <c r="B26" s="113"/>
      <c r="C26" s="59" t="s">
        <v>26</v>
      </c>
      <c r="D26" s="60"/>
      <c r="E26" s="61"/>
      <c r="F26" s="61"/>
      <c r="G26" s="61"/>
      <c r="H26" s="62"/>
      <c r="I26" s="62"/>
      <c r="J26" s="62"/>
      <c r="K26" s="62"/>
      <c r="L26" s="63"/>
      <c r="M26" s="63"/>
      <c r="N26" s="63"/>
      <c r="O26" s="62"/>
      <c r="P26" s="62"/>
      <c r="Q26" s="62">
        <v>34.299999999999997</v>
      </c>
      <c r="R26" s="64">
        <v>37.6</v>
      </c>
      <c r="S26" s="64">
        <v>40.799999999999997</v>
      </c>
      <c r="T26" s="64">
        <v>43.7</v>
      </c>
      <c r="U26" s="64">
        <v>46.4</v>
      </c>
      <c r="V26" s="65">
        <v>49.8</v>
      </c>
      <c r="W26" s="95">
        <v>52.3</v>
      </c>
      <c r="X26" s="73">
        <v>53.6</v>
      </c>
    </row>
    <row r="27" spans="1:24" s="50" customFormat="1" x14ac:dyDescent="0.2">
      <c r="A27" s="109"/>
      <c r="B27" s="111" t="s">
        <v>29</v>
      </c>
      <c r="C27" s="42" t="s">
        <v>24</v>
      </c>
      <c r="D27" s="43"/>
      <c r="E27" s="44"/>
      <c r="F27" s="44"/>
      <c r="G27" s="44"/>
      <c r="H27" s="45"/>
      <c r="I27" s="45"/>
      <c r="J27" s="45"/>
      <c r="K27" s="45"/>
      <c r="L27" s="46"/>
      <c r="M27" s="46"/>
      <c r="N27" s="46"/>
      <c r="O27" s="45"/>
      <c r="P27" s="45"/>
      <c r="Q27" s="46">
        <v>42.5</v>
      </c>
      <c r="R27" s="48">
        <v>42.7</v>
      </c>
      <c r="S27" s="48">
        <v>45.8</v>
      </c>
      <c r="T27" s="47">
        <v>49.7</v>
      </c>
      <c r="U27" s="48">
        <v>52.7</v>
      </c>
      <c r="V27" s="48">
        <v>57.6</v>
      </c>
      <c r="W27" s="48">
        <v>61.3</v>
      </c>
      <c r="X27" s="104">
        <v>63.6</v>
      </c>
    </row>
    <row r="28" spans="1:24" s="50" customFormat="1" x14ac:dyDescent="0.2">
      <c r="A28" s="109"/>
      <c r="B28" s="112"/>
      <c r="C28" s="51" t="s">
        <v>25</v>
      </c>
      <c r="D28" s="52"/>
      <c r="E28" s="53"/>
      <c r="F28" s="53"/>
      <c r="G28" s="53"/>
      <c r="H28" s="54"/>
      <c r="I28" s="54"/>
      <c r="J28" s="54"/>
      <c r="K28" s="54"/>
      <c r="L28" s="55"/>
      <c r="M28" s="55"/>
      <c r="N28" s="55"/>
      <c r="O28" s="54"/>
      <c r="P28" s="54"/>
      <c r="Q28" s="55">
        <v>40.799999999999997</v>
      </c>
      <c r="R28" s="57">
        <v>41.7</v>
      </c>
      <c r="S28" s="57">
        <v>44</v>
      </c>
      <c r="T28" s="56">
        <v>47.2</v>
      </c>
      <c r="U28" s="57">
        <v>49.4</v>
      </c>
      <c r="V28" s="57">
        <v>54.3</v>
      </c>
      <c r="W28" s="94">
        <v>57.7</v>
      </c>
      <c r="X28" s="58">
        <v>60.5</v>
      </c>
    </row>
    <row r="29" spans="1:24" s="50" customFormat="1" x14ac:dyDescent="0.2">
      <c r="A29" s="109"/>
      <c r="B29" s="114"/>
      <c r="C29" s="66" t="s">
        <v>26</v>
      </c>
      <c r="D29" s="67"/>
      <c r="E29" s="68"/>
      <c r="F29" s="68"/>
      <c r="G29" s="68"/>
      <c r="H29" s="69"/>
      <c r="I29" s="69"/>
      <c r="J29" s="69"/>
      <c r="K29" s="69"/>
      <c r="L29" s="70"/>
      <c r="M29" s="70"/>
      <c r="N29" s="70"/>
      <c r="O29" s="69"/>
      <c r="P29" s="69"/>
      <c r="Q29" s="69">
        <v>43.8</v>
      </c>
      <c r="R29" s="71">
        <v>44.5</v>
      </c>
      <c r="S29" s="71">
        <v>47.9</v>
      </c>
      <c r="T29" s="71">
        <v>51.8</v>
      </c>
      <c r="U29" s="71">
        <v>55.3</v>
      </c>
      <c r="V29" s="72">
        <v>60.1</v>
      </c>
      <c r="W29" s="96">
        <v>63.6</v>
      </c>
      <c r="X29" s="73">
        <v>65.8</v>
      </c>
    </row>
    <row r="30" spans="1:24" s="50" customFormat="1" x14ac:dyDescent="0.2">
      <c r="A30" s="109"/>
      <c r="B30" s="115" t="s">
        <v>30</v>
      </c>
      <c r="C30" s="74" t="s">
        <v>24</v>
      </c>
      <c r="D30" s="75"/>
      <c r="E30" s="76"/>
      <c r="F30" s="76"/>
      <c r="G30" s="76"/>
      <c r="H30" s="77"/>
      <c r="I30" s="77"/>
      <c r="J30" s="77"/>
      <c r="K30" s="77"/>
      <c r="L30" s="78"/>
      <c r="M30" s="78"/>
      <c r="N30" s="78"/>
      <c r="O30" s="77"/>
      <c r="P30" s="77"/>
      <c r="Q30" s="77">
        <v>48.7</v>
      </c>
      <c r="R30" s="79">
        <v>53.3</v>
      </c>
      <c r="S30" s="79">
        <v>56.2</v>
      </c>
      <c r="T30" s="79">
        <v>58.1</v>
      </c>
      <c r="U30" s="79">
        <v>60.5</v>
      </c>
      <c r="V30" s="79">
        <v>64.7</v>
      </c>
      <c r="W30" s="48">
        <v>65.8</v>
      </c>
      <c r="X30" s="106">
        <v>68.099999999999994</v>
      </c>
    </row>
    <row r="31" spans="1:24" s="50" customFormat="1" x14ac:dyDescent="0.2">
      <c r="A31" s="109"/>
      <c r="B31" s="112"/>
      <c r="C31" s="51" t="s">
        <v>25</v>
      </c>
      <c r="D31" s="52"/>
      <c r="E31" s="53"/>
      <c r="F31" s="53"/>
      <c r="G31" s="53"/>
      <c r="H31" s="54"/>
      <c r="I31" s="54"/>
      <c r="J31" s="54"/>
      <c r="K31" s="54"/>
      <c r="L31" s="55"/>
      <c r="M31" s="55"/>
      <c r="N31" s="55"/>
      <c r="O31" s="54"/>
      <c r="P31" s="54"/>
      <c r="Q31" s="54">
        <v>47.4</v>
      </c>
      <c r="R31" s="56">
        <v>52.3</v>
      </c>
      <c r="S31" s="56">
        <v>54.9</v>
      </c>
      <c r="T31" s="56">
        <v>54.8</v>
      </c>
      <c r="U31" s="56">
        <v>57.4</v>
      </c>
      <c r="V31" s="57">
        <v>62</v>
      </c>
      <c r="W31" s="94">
        <v>63</v>
      </c>
      <c r="X31" s="58">
        <v>65.5</v>
      </c>
    </row>
    <row r="32" spans="1:24" s="50" customFormat="1" x14ac:dyDescent="0.2">
      <c r="A32" s="110"/>
      <c r="B32" s="114"/>
      <c r="C32" s="66" t="s">
        <v>26</v>
      </c>
      <c r="D32" s="67"/>
      <c r="E32" s="68"/>
      <c r="F32" s="68"/>
      <c r="G32" s="68"/>
      <c r="H32" s="69"/>
      <c r="I32" s="69"/>
      <c r="J32" s="69"/>
      <c r="K32" s="69"/>
      <c r="L32" s="70"/>
      <c r="M32" s="70"/>
      <c r="N32" s="70"/>
      <c r="O32" s="69"/>
      <c r="P32" s="69"/>
      <c r="Q32" s="69">
        <v>50</v>
      </c>
      <c r="R32" s="71">
        <v>54.3</v>
      </c>
      <c r="S32" s="71">
        <v>57.6</v>
      </c>
      <c r="T32" s="71">
        <v>60.6</v>
      </c>
      <c r="U32" s="71">
        <v>62.9</v>
      </c>
      <c r="V32" s="72">
        <v>66.7</v>
      </c>
      <c r="W32" s="96">
        <v>67.8</v>
      </c>
      <c r="X32" s="73">
        <v>70.599999999999994</v>
      </c>
    </row>
    <row r="33" spans="3:27" x14ac:dyDescent="0.2">
      <c r="D33" s="81" t="s">
        <v>22</v>
      </c>
      <c r="E33" s="81"/>
      <c r="F33" s="82"/>
      <c r="G33" s="82"/>
      <c r="H33" s="82"/>
      <c r="I33" s="82"/>
      <c r="J33" s="82"/>
      <c r="K33" s="82"/>
      <c r="L33" s="82"/>
      <c r="M33" s="81"/>
      <c r="N33" s="81"/>
      <c r="Q33" s="81" t="s">
        <v>22</v>
      </c>
      <c r="R33" s="81"/>
      <c r="S33" s="82"/>
      <c r="T33" s="82"/>
      <c r="U33" s="82"/>
      <c r="V33" s="82"/>
      <c r="W33" s="82"/>
      <c r="X33" s="82"/>
      <c r="Y33" s="82"/>
      <c r="Z33" s="81"/>
      <c r="AA33" s="81"/>
    </row>
    <row r="34" spans="3:27" x14ac:dyDescent="0.2">
      <c r="D34" s="81"/>
      <c r="E34" s="50"/>
      <c r="F34" s="82"/>
      <c r="G34" s="82"/>
      <c r="H34" s="82"/>
      <c r="I34" s="82"/>
      <c r="J34" s="82"/>
      <c r="K34" s="82"/>
      <c r="L34" s="82"/>
      <c r="M34" s="81"/>
      <c r="N34" s="81"/>
      <c r="Q34" s="81"/>
      <c r="R34" s="50"/>
      <c r="S34" s="82"/>
      <c r="T34" s="82"/>
      <c r="U34" s="82"/>
      <c r="V34" s="82"/>
      <c r="W34" s="82"/>
      <c r="X34" s="82"/>
      <c r="Y34" s="82"/>
      <c r="Z34" s="81"/>
      <c r="AA34" s="81"/>
    </row>
    <row r="35" spans="3:27" x14ac:dyDescent="0.2">
      <c r="C35" s="84"/>
      <c r="D35" s="81"/>
      <c r="E35" s="81"/>
      <c r="F35" s="82"/>
      <c r="G35" s="82"/>
      <c r="H35" s="82"/>
      <c r="I35" s="82"/>
      <c r="J35" s="82"/>
      <c r="K35" s="82"/>
      <c r="L35" s="82"/>
      <c r="M35" s="81"/>
      <c r="N35" s="81"/>
      <c r="Q35" s="81"/>
      <c r="R35" s="81"/>
      <c r="S35" s="82"/>
      <c r="T35" s="82"/>
      <c r="U35" s="82"/>
      <c r="V35" s="82"/>
      <c r="W35" s="82"/>
      <c r="X35" s="82"/>
      <c r="Y35" s="82"/>
      <c r="Z35" s="81"/>
      <c r="AA35" s="81"/>
    </row>
    <row r="36" spans="3:27" ht="13.5" customHeight="1" x14ac:dyDescent="0.2">
      <c r="C36" s="84"/>
      <c r="D36" s="85" t="s">
        <v>32</v>
      </c>
      <c r="E36" s="107" t="s">
        <v>33</v>
      </c>
      <c r="F36" s="107"/>
      <c r="G36" s="107"/>
      <c r="H36" s="107"/>
      <c r="I36" s="107"/>
      <c r="J36" s="107"/>
      <c r="K36" s="107"/>
      <c r="L36" s="107"/>
      <c r="M36" s="107"/>
      <c r="N36" s="107"/>
      <c r="Q36" s="85" t="s">
        <v>32</v>
      </c>
      <c r="R36" s="107" t="s">
        <v>33</v>
      </c>
      <c r="S36" s="107"/>
      <c r="T36" s="107"/>
      <c r="U36" s="107"/>
      <c r="V36" s="107"/>
      <c r="W36" s="107"/>
      <c r="X36" s="107"/>
      <c r="Y36" s="107"/>
      <c r="Z36" s="107"/>
      <c r="AA36" s="107"/>
    </row>
    <row r="37" spans="3:27" ht="13.5" customHeight="1" x14ac:dyDescent="0.2">
      <c r="D37" s="86"/>
      <c r="E37" s="107"/>
      <c r="F37" s="107"/>
      <c r="G37" s="107"/>
      <c r="H37" s="107"/>
      <c r="I37" s="107"/>
      <c r="J37" s="107"/>
      <c r="K37" s="107"/>
      <c r="L37" s="107"/>
      <c r="M37" s="107"/>
      <c r="N37" s="107"/>
      <c r="Q37" s="86"/>
      <c r="R37" s="107"/>
      <c r="S37" s="107"/>
      <c r="T37" s="107"/>
      <c r="U37" s="107"/>
      <c r="V37" s="107"/>
      <c r="W37" s="107"/>
      <c r="X37" s="107"/>
      <c r="Y37" s="107"/>
      <c r="Z37" s="107"/>
      <c r="AA37" s="107"/>
    </row>
    <row r="38" spans="3:27" ht="17.399999999999999" customHeight="1" x14ac:dyDescent="0.2">
      <c r="C38" s="50"/>
      <c r="D38" s="86"/>
      <c r="E38" s="107"/>
      <c r="F38" s="107"/>
      <c r="G38" s="107"/>
      <c r="H38" s="107"/>
      <c r="I38" s="107"/>
      <c r="J38" s="107"/>
      <c r="K38" s="107"/>
      <c r="L38" s="107"/>
      <c r="M38" s="107"/>
      <c r="N38" s="107"/>
      <c r="Q38" s="86"/>
      <c r="R38" s="107"/>
      <c r="S38" s="107"/>
      <c r="T38" s="107"/>
      <c r="U38" s="107"/>
      <c r="V38" s="107"/>
      <c r="W38" s="107"/>
      <c r="X38" s="107"/>
      <c r="Y38" s="107"/>
      <c r="Z38" s="107"/>
      <c r="AA38" s="107"/>
    </row>
    <row r="39" spans="3:27" x14ac:dyDescent="0.2">
      <c r="C39" s="50"/>
      <c r="D39" s="50" t="s">
        <v>34</v>
      </c>
      <c r="E39" s="86"/>
      <c r="F39" s="86"/>
      <c r="G39" s="86"/>
      <c r="H39" s="86"/>
      <c r="I39" s="86"/>
      <c r="J39" s="86"/>
      <c r="K39" s="86"/>
      <c r="L39" s="86"/>
      <c r="M39" s="86"/>
      <c r="N39" s="86"/>
      <c r="Q39" s="50" t="s">
        <v>34</v>
      </c>
      <c r="R39" s="86"/>
      <c r="S39" s="86"/>
      <c r="T39" s="86"/>
      <c r="U39" s="86"/>
      <c r="V39" s="86"/>
      <c r="W39" s="86"/>
      <c r="X39" s="86"/>
      <c r="Y39" s="86"/>
      <c r="Z39" s="86"/>
      <c r="AA39" s="86"/>
    </row>
    <row r="40" spans="3:27" x14ac:dyDescent="0.2">
      <c r="X40" s="50"/>
      <c r="Y40" s="50"/>
      <c r="Z40" s="83"/>
    </row>
  </sheetData>
  <mergeCells count="16">
    <mergeCell ref="A1:C1"/>
    <mergeCell ref="A2:C2"/>
    <mergeCell ref="A3:A17"/>
    <mergeCell ref="B3:B5"/>
    <mergeCell ref="B6:B8"/>
    <mergeCell ref="B9:B11"/>
    <mergeCell ref="B12:B14"/>
    <mergeCell ref="B15:B17"/>
    <mergeCell ref="R36:AA38"/>
    <mergeCell ref="E36:N38"/>
    <mergeCell ref="A18:A32"/>
    <mergeCell ref="B18:B20"/>
    <mergeCell ref="B21:B23"/>
    <mergeCell ref="B24:B26"/>
    <mergeCell ref="B27:B29"/>
    <mergeCell ref="B30:B32"/>
  </mergeCells>
  <phoneticPr fontId="1"/>
  <pageMargins left="0.70866141732283472" right="0.70866141732283472" top="0.94488188976377963" bottom="0.39370078740157483" header="0.51181102362204722" footer="0.19685039370078741"/>
  <pageSetup paperSize="9" scale="97" orientation="landscape" r:id="rId1"/>
  <headerFooter>
    <oddHeader>&amp;L&amp;14 １５．　平均年齢・年齢中位数&amp;R資料：国勢調査
（各年１０月１日現在　単位:歳）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5．平均年齢・年齢中位数</vt:lpstr>
      <vt:lpstr>'15．平均年齢・年齢中位数'!Print_Area</vt:lpstr>
      <vt:lpstr>'15．平均年齢・年齢中位数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7-29T01:24:14Z</cp:lastPrinted>
  <dcterms:created xsi:type="dcterms:W3CDTF">2017-12-10T23:59:41Z</dcterms:created>
  <dcterms:modified xsi:type="dcterms:W3CDTF">2021-12-06T01:52:56Z</dcterms:modified>
</cp:coreProperties>
</file>